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8" r:id="rId4"/>
    <p:sldMasterId id="2147483705" r:id="rId5"/>
  </p:sldMasterIdLst>
  <p:notesMasterIdLst>
    <p:notesMasterId r:id="rId32"/>
  </p:notesMasterIdLst>
  <p:sldIdLst>
    <p:sldId id="3963" r:id="rId6"/>
    <p:sldId id="4056" r:id="rId7"/>
    <p:sldId id="3988" r:id="rId8"/>
    <p:sldId id="3997" r:id="rId9"/>
    <p:sldId id="4012" r:id="rId10"/>
    <p:sldId id="4014" r:id="rId11"/>
    <p:sldId id="3998" r:id="rId12"/>
    <p:sldId id="4018" r:id="rId13"/>
    <p:sldId id="3999" r:id="rId14"/>
    <p:sldId id="4037" r:id="rId15"/>
    <p:sldId id="4036" r:id="rId16"/>
    <p:sldId id="4035" r:id="rId17"/>
    <p:sldId id="4050" r:id="rId18"/>
    <p:sldId id="4034" r:id="rId19"/>
    <p:sldId id="4001" r:id="rId20"/>
    <p:sldId id="4015" r:id="rId21"/>
    <p:sldId id="4002" r:id="rId22"/>
    <p:sldId id="4008" r:id="rId23"/>
    <p:sldId id="4026" r:id="rId24"/>
    <p:sldId id="4051" r:id="rId25"/>
    <p:sldId id="4052" r:id="rId26"/>
    <p:sldId id="4053" r:id="rId27"/>
    <p:sldId id="4054" r:id="rId28"/>
    <p:sldId id="4055" r:id="rId29"/>
    <p:sldId id="588" r:id="rId30"/>
    <p:sldId id="4058" r:id="rId31"/>
  </p:sldIdLst>
  <p:sldSz cx="12192000" cy="6858000"/>
  <p:notesSz cx="6858000" cy="9144000"/>
  <p:custDataLst>
    <p:tags r:id="rId33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5A9A8E23-49E5-4DE4-0C9B-DB632C6275B1}" name="Karen Lau" initials="KL" userId="S::Karen.Lau@Pearson.com::b06cc5c5-e25f-4db1-a857-9a777924a228" providerId="AD"/>
  <p188:author id="{03D82760-C951-1BFF-29C2-9DED795D81D5}" name="Vivian Tang" initials="VT" userId="S::vivian.tang@pearson.com::c38f7cfe-078d-4502-85d2-92bb7fe749ff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70C0"/>
    <a:srgbClr val="C5DDA5"/>
    <a:srgbClr val="CB4F98"/>
    <a:srgbClr val="AEC27E"/>
    <a:srgbClr val="FFFFFF"/>
    <a:srgbClr val="BED487"/>
    <a:srgbClr val="F8F1E9"/>
    <a:srgbClr val="FCF8F1"/>
    <a:srgbClr val="D4ECF5"/>
    <a:srgbClr val="C2E5F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A3959CF2-A218-4B67-A4A9-A34340A0EB0A}" v="1" dt="2025-08-31T06:01:55.813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9186" autoAdjust="0"/>
    <p:restoredTop sz="96247" autoAdjust="0"/>
  </p:normalViewPr>
  <p:slideViewPr>
    <p:cSldViewPr snapToGrid="0">
      <p:cViewPr varScale="1">
        <p:scale>
          <a:sx n="63" d="100"/>
          <a:sy n="63" d="100"/>
        </p:scale>
        <p:origin x="956" y="2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slide" Target="slides/slide21.xml"/><Relationship Id="rId39" Type="http://schemas.microsoft.com/office/2018/10/relationships/authors" Target="authors.xml"/><Relationship Id="rId21" Type="http://schemas.openxmlformats.org/officeDocument/2006/relationships/slide" Target="slides/slide16.xml"/><Relationship Id="rId34" Type="http://schemas.openxmlformats.org/officeDocument/2006/relationships/presProps" Target="presProps.xml"/><Relationship Id="rId7" Type="http://schemas.openxmlformats.org/officeDocument/2006/relationships/slide" Target="slides/slide2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slide" Target="slides/slide20.xml"/><Relationship Id="rId33" Type="http://schemas.openxmlformats.org/officeDocument/2006/relationships/tags" Target="tags/tag1.xml"/><Relationship Id="rId38" Type="http://schemas.microsoft.com/office/2015/10/relationships/revisionInfo" Target="revisionInfo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0" Type="http://schemas.openxmlformats.org/officeDocument/2006/relationships/slide" Target="slides/slide15.xml"/><Relationship Id="rId29" Type="http://schemas.openxmlformats.org/officeDocument/2006/relationships/slide" Target="slides/slide24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notesMaster" Target="notesMasters/notesMaster1.xml"/><Relationship Id="rId37" Type="http://schemas.openxmlformats.org/officeDocument/2006/relationships/tableStyles" Target="tableStyles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slide" Target="slides/slide23.xml"/><Relationship Id="rId36" Type="http://schemas.openxmlformats.org/officeDocument/2006/relationships/theme" Target="theme/theme1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slide" Target="slides/slide26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slide" Target="slides/slide22.xml"/><Relationship Id="rId30" Type="http://schemas.openxmlformats.org/officeDocument/2006/relationships/slide" Target="slides/slide25.xml"/><Relationship Id="rId35" Type="http://schemas.openxmlformats.org/officeDocument/2006/relationships/viewProps" Target="viewProps.xml"/><Relationship Id="rId8" Type="http://schemas.openxmlformats.org/officeDocument/2006/relationships/slide" Target="slides/slide3.xml"/><Relationship Id="rId3" Type="http://schemas.openxmlformats.org/officeDocument/2006/relationships/customXml" Target="../customXml/item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89DDD9C-21A4-47F9-9821-BAE3E789B17C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A9440F7-F082-4778-ABCA-4F8EED3BFF9E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695671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A9440F7-F082-4778-ABCA-4F8EED3BFF9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47205122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3649869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1695007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0115584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7258346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16473447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0927034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0944297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5180610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973461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9123686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6707303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986808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62740365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46973376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10806584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02180657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7400713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2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0320853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167013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2057910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9732449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8349894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6301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2976337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2786351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8.png"/><Relationship Id="rId4" Type="http://schemas.openxmlformats.org/officeDocument/2006/relationships/image" Target="../media/image5.sv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8.png"/><Relationship Id="rId4" Type="http://schemas.openxmlformats.org/officeDocument/2006/relationships/image" Target="../media/image5.svg"/></Relationships>
</file>

<file path=ppt/slideLayouts/_rels/slideLayout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5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82F76C4-1B7A-5B13-7F3A-B7A572D9B3C6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D1E1C401-6DBD-A394-8DA7-3CCAA0C4673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78F6D08C-AD35-398B-D1E7-34C5BDA1132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8B894F3E-B774-D71C-F1EA-30651A3FC65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850FC5BA-35C3-5C3F-0960-5A06603CDF1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204F3504-9141-0341-7C77-169DEFE73B2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E1ABB148-F3B5-B85F-9FCE-30CA7044AFA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3124953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10" y="115155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4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67C4B9FC-EA9B-656B-BC9C-3FCD8814F1E1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2515A412-8893-84DD-F816-64B5B02D16E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925E96E7-BF5C-56FF-D3D7-FBF6CA585C3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3AE13B29-2C8C-3DB1-D742-2F5039ADE05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76EAB66-8A21-65D9-C12A-4E2AEEC971D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0C6D837B-C7AE-4030-84D7-D3AD138CFA2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F95AA829-64B8-E476-51E6-B717A0AEFD0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227451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2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3" y="5718689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974F44F-9846-548D-9357-198D109BFA93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CB525007-3CED-975F-521B-B982A0D704F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F3D071C-0023-395F-C5C4-6B01DBBBFB1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1512F9DD-44DC-931C-FDC5-8EAC3B3C32D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E75BFDC0-12EE-01A9-8B9D-67315659049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4D3A7F9E-D4C0-505E-D69B-C97D3FAB0B6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A3E0B13-4753-3D10-A13B-28B7A8AA780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0310638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9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1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1B2BC1A2-8901-0A21-2BBD-64AC34725EEA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14B3B5B-5B58-5562-EADB-67C111424AA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754FC6A9-43EE-A885-603A-8DC20C767A6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B2D7880-AC22-E564-69B6-DDE4F149020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4B87B3AB-DF2A-7067-804E-4F78E03D510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4ED08488-3ED1-E88D-E1D5-FD87E401263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D837CB9D-2E52-A07A-FE0F-23F2420ACC61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9892114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5120">
          <p15:clr>
            <a:srgbClr val="FBAE40"/>
          </p15:clr>
        </p15:guide>
      </p15:sldGuideLst>
    </p:ext>
  </p:extLs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820"/>
          </a:p>
        </p:txBody>
      </p:sp>
    </p:spTree>
    <p:extLst>
      <p:ext uri="{BB962C8B-B14F-4D97-AF65-F5344CB8AC3E}">
        <p14:creationId xmlns:p14="http://schemas.microsoft.com/office/powerpoint/2010/main" val="228978337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5120">
          <p15:clr>
            <a:srgbClr val="FBAE40"/>
          </p15:clr>
        </p15:guide>
      </p15:sldGuideLst>
    </p:ext>
  </p:extLs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En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C56FB39F-C192-731B-506D-7DE1698EB2C2}"/>
              </a:ext>
            </a:extLst>
          </p:cNvPr>
          <p:cNvGrpSpPr/>
          <p:nvPr userDrawn="1"/>
        </p:nvGrpSpPr>
        <p:grpSpPr>
          <a:xfrm>
            <a:off x="4892843" y="3041562"/>
            <a:ext cx="2406316" cy="774881"/>
            <a:chOff x="4892842" y="3041560"/>
            <a:chExt cx="2406316" cy="774881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141E15D8-566A-2ED1-0960-4DE03E7FD717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F8C98474-F4AA-6647-F2EC-89040F09ECBA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5078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7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367345072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標題投影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45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副標題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1800"/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zh-TW" altLang="en-US"/>
              <a:t>按一下以編輯母片副標題樣式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4623513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標題及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23921652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章節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1851" y="1709740"/>
            <a:ext cx="10515600" cy="2852737"/>
          </a:xfrm>
        </p:spPr>
        <p:txBody>
          <a:bodyPr anchor="b"/>
          <a:lstStyle>
            <a:lvl1pPr>
              <a:defRPr sz="45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1851" y="4589465"/>
            <a:ext cx="10515600" cy="1500187"/>
          </a:xfrm>
        </p:spPr>
        <p:txBody>
          <a:bodyPr/>
          <a:lstStyle>
            <a:lvl1pPr marL="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1pPr>
            <a:lvl2pPr marL="3429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2pPr>
            <a:lvl3pPr marL="685800" indent="0">
              <a:buNone/>
              <a:defRPr sz="1350">
                <a:solidFill>
                  <a:schemeClr val="tx1">
                    <a:tint val="75000"/>
                  </a:schemeClr>
                </a:solidFill>
              </a:defRPr>
            </a:lvl3pPr>
            <a:lvl4pPr marL="10287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4pPr>
            <a:lvl5pPr marL="13716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5pPr>
            <a:lvl6pPr marL="17145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6pPr>
            <a:lvl7pPr marL="20574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7pPr>
            <a:lvl8pPr marL="24003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8pPr>
            <a:lvl9pPr marL="27432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506162193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兩項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2151020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對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365127"/>
            <a:ext cx="10515600" cy="1325563"/>
          </a:xfrm>
        </p:spPr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9789" y="1681163"/>
            <a:ext cx="5157787" cy="82391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839789" y="2505075"/>
            <a:ext cx="5157787" cy="368458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5" name="文字版面配置區 4"/>
          <p:cNvSpPr>
            <a:spLocks noGrp="1"/>
          </p:cNvSpPr>
          <p:nvPr>
            <p:ph type="body" sz="quarter" idx="3"/>
          </p:nvPr>
        </p:nvSpPr>
        <p:spPr>
          <a:xfrm>
            <a:off x="6172201" y="1681163"/>
            <a:ext cx="5183188" cy="82391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6" name="內容版面配置區 5"/>
          <p:cNvSpPr>
            <a:spLocks noGrp="1"/>
          </p:cNvSpPr>
          <p:nvPr>
            <p:ph sz="quarter" idx="4"/>
          </p:nvPr>
        </p:nvSpPr>
        <p:spPr>
          <a:xfrm>
            <a:off x="6172201" y="2505075"/>
            <a:ext cx="5183188" cy="368458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7" name="日期版面配置區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8" name="頁尾版面配置區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9" name="投影片編號版面配置區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20662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F26BEAE5-320D-09F4-77B9-B586E50B5E3A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AC41857-8FED-F0BE-216A-96AF792F1FF5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7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sp>
        <p:nvSpPr>
          <p:cNvPr id="4" name="Oval 3">
            <a:extLst>
              <a:ext uri="{FF2B5EF4-FFF2-40B4-BE49-F238E27FC236}">
                <a16:creationId xmlns:a16="http://schemas.microsoft.com/office/drawing/2014/main" id="{26DC8DF8-589A-1287-4D41-5081404E00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21183184-2DC3-14D3-4843-FE1F4FC0E76F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C0837E82-D345-8C72-D6B9-6CA77A56972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C313F7B1-D14D-F574-6BAC-A993FDD623A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B161544A-46C7-FF48-EECA-8EC97F766F3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4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D77753E6-90D0-753A-B5D1-D66A25985C7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77BA8AB2-2D03-2DF8-4760-3820A7D3AEA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570F7A61-FF5D-D184-C94C-614A9BACECA2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C176A77F-F9CD-1C29-DEBA-0125DCADACC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59830438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只有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日期版面配置區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4" name="頁尾版面配置區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5" name="投影片編號版面配置區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44143402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日期版面配置區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3" name="頁尾版面配置區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411964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5120">
          <p15:clr>
            <a:srgbClr val="FBAE40"/>
          </p15:clr>
        </p15:guide>
      </p15:sldGuideLst>
    </p:ext>
  </p:extLst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含標題的內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>
          <a:xfrm>
            <a:off x="5183188" y="987427"/>
            <a:ext cx="6172200" cy="4873625"/>
          </a:xfrm>
        </p:spPr>
        <p:txBody>
          <a:bodyPr/>
          <a:lstStyle>
            <a:lvl1pPr>
              <a:defRPr sz="2400"/>
            </a:lvl1pPr>
            <a:lvl2pPr>
              <a:defRPr sz="2100"/>
            </a:lvl2pPr>
            <a:lvl3pPr>
              <a:defRPr sz="1800"/>
            </a:lvl3pPr>
            <a:lvl4pPr>
              <a:defRPr sz="1500"/>
            </a:lvl4pPr>
            <a:lvl5pPr>
              <a:defRPr sz="1500"/>
            </a:lvl5pPr>
            <a:lvl6pPr>
              <a:defRPr sz="1500"/>
            </a:lvl6pPr>
            <a:lvl7pPr>
              <a:defRPr sz="1500"/>
            </a:lvl7pPr>
            <a:lvl8pPr>
              <a:defRPr sz="1500"/>
            </a:lvl8pPr>
            <a:lvl9pPr>
              <a:defRPr sz="1500"/>
            </a:lvl9pPr>
          </a:lstStyle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484508813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含標題的圖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圖片版面配置區 2"/>
          <p:cNvSpPr>
            <a:spLocks noGrp="1"/>
          </p:cNvSpPr>
          <p:nvPr>
            <p:ph type="pic" idx="1"/>
          </p:nvPr>
        </p:nvSpPr>
        <p:spPr>
          <a:xfrm>
            <a:off x="5183188" y="987427"/>
            <a:ext cx="6172200" cy="4873625"/>
          </a:xfrm>
        </p:spPr>
        <p:txBody>
          <a:bodyPr/>
          <a:lstStyle>
            <a:lvl1pPr marL="0" indent="0">
              <a:buNone/>
              <a:defRPr sz="2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endParaRPr lang="zh-TW" altLang="en-US"/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402972740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標題及直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303220425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直排標題及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直排標題 1"/>
          <p:cNvSpPr>
            <a:spLocks noGrp="1"/>
          </p:cNvSpPr>
          <p:nvPr>
            <p:ph type="title" orient="vert"/>
          </p:nvPr>
        </p:nvSpPr>
        <p:spPr>
          <a:xfrm>
            <a:off x="8724901" y="365125"/>
            <a:ext cx="2628900" cy="5811838"/>
          </a:xfrm>
        </p:spPr>
        <p:txBody>
          <a:bodyPr vert="eaVert"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>
          <a:xfrm>
            <a:off x="838201" y="365125"/>
            <a:ext cx="7734300" cy="5811838"/>
          </a:xfrm>
        </p:spPr>
        <p:txBody>
          <a:bodyPr vert="eaVert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90588233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82338129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5120">
          <p15:clr>
            <a:srgbClr val="FBAE40"/>
          </p15:clr>
        </p15:guide>
      </p15:sldGuideLst>
    </p:ext>
  </p:extLst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82F76C4-1B7A-5B13-7F3A-B7A572D9B3C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D1E1C401-6DBD-A394-8DA7-3CCAA0C4673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78F6D08C-AD35-398B-D1E7-34C5BDA1132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8B894F3E-B774-D71C-F1EA-30651A3FC65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850FC5BA-35C3-5C3F-0960-5A06603CDF1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204F3504-9141-0341-7C77-169DEFE73B2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E1ABB148-F3B5-B85F-9FCE-30CA7044AFA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13642019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F26BEAE5-320D-09F4-77B9-B586E50B5E3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AC41857-8FED-F0BE-216A-96AF792F1FF5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sp>
        <p:nvSpPr>
          <p:cNvPr id="4" name="Oval 3">
            <a:extLst>
              <a:ext uri="{FF2B5EF4-FFF2-40B4-BE49-F238E27FC236}">
                <a16:creationId xmlns:a16="http://schemas.microsoft.com/office/drawing/2014/main" id="{26DC8DF8-589A-1287-4D41-5081404E00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21183184-2DC3-14D3-4843-FE1F4FC0E76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C0837E82-D345-8C72-D6B9-6CA77A56972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C313F7B1-D14D-F574-6BAC-A993FDD623A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B161544A-46C7-FF48-EECA-8EC97F766F3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4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D77753E6-90D0-753A-B5D1-D66A25985C7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77BA8AB2-2D03-2DF8-4760-3820A7D3AEA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570F7A61-FF5D-D184-C94C-614A9BACECA2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C176A77F-F9CD-1C29-DEBA-0125DCADACC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87066097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272F60BC-2B3E-4E03-C402-18AD6C1E1F1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96540A9D-C70E-EFE7-3C56-8128ACB8BA5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66972180-A3F0-66A2-8A06-F73071946C2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201C1131-91B5-784E-38D8-5360026516E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E0144B02-9256-527A-3C80-8CA862D791F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E304FAD4-D9B8-523A-B33C-7F09D01ABFD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0734D6D-A629-1222-CC8E-F9E26BDE196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766322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7"/>
            <a:ext cx="3213335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272F60BC-2B3E-4E03-C402-18AD6C1E1F17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96540A9D-C70E-EFE7-3C56-8128ACB8BA5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66972180-A3F0-66A2-8A06-F73071946C2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201C1131-91B5-784E-38D8-5360026516E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E0144B02-9256-527A-3C80-8CA862D791F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E304FAD4-D9B8-523A-B33C-7F09D01ABFD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0734D6D-A629-1222-CC8E-F9E26BDE196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48047100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4DAEBD68-5E87-1C10-412D-FA586F8B2C6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2CDA627E-455C-1570-F294-A83088C14AD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4399CFB7-F04C-0D6E-A498-468390843C1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F4942ABA-4CD1-755E-0741-72DDD882109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AB8CC2E2-960B-E61A-31CF-9CE7D8AF903C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5FAC5FF-08B8-4D09-0016-70F58B65B59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08668D1-9A1D-0013-A35F-C61E59DAF72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37038119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13" name="Group 12">
            <a:extLst>
              <a:ext uri="{FF2B5EF4-FFF2-40B4-BE49-F238E27FC236}">
                <a16:creationId xmlns:a16="http://schemas.microsoft.com/office/drawing/2014/main" id="{6DDAD921-C8AF-8C4F-BD6E-166418BD5BA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57B8CF-7120-4B98-778B-17BBCB76EE1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15" name="Group 14">
              <a:extLst>
                <a:ext uri="{FF2B5EF4-FFF2-40B4-BE49-F238E27FC236}">
                  <a16:creationId xmlns:a16="http://schemas.microsoft.com/office/drawing/2014/main" id="{F0CEF836-CB0C-F023-5B69-BA6DB13C4FD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16" name="Graphic 15">
                <a:extLst>
                  <a:ext uri="{FF2B5EF4-FFF2-40B4-BE49-F238E27FC236}">
                    <a16:creationId xmlns:a16="http://schemas.microsoft.com/office/drawing/2014/main" id="{1A1A4CC7-1C50-1AA9-28B2-68C96AC545B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7" name="Rectangle: Rounded Corners 16">
                <a:extLst>
                  <a:ext uri="{FF2B5EF4-FFF2-40B4-BE49-F238E27FC236}">
                    <a16:creationId xmlns:a16="http://schemas.microsoft.com/office/drawing/2014/main" id="{D54A3456-C07B-39FF-3BF2-7F8E282271C4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8" name="Rectangle 17">
                <a:extLst>
                  <a:ext uri="{FF2B5EF4-FFF2-40B4-BE49-F238E27FC236}">
                    <a16:creationId xmlns:a16="http://schemas.microsoft.com/office/drawing/2014/main" id="{2DB2420E-743F-03FF-AA68-3EB648C491A0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9" name="Picture 18">
            <a:extLst>
              <a:ext uri="{FF2B5EF4-FFF2-40B4-BE49-F238E27FC236}">
                <a16:creationId xmlns:a16="http://schemas.microsoft.com/office/drawing/2014/main" id="{64664ECB-186F-B9E2-FEAE-C075EFE0CA1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38302020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FF05E42-A9CE-78F4-DCFD-A2B35EE0B62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0D80FC2E-95C9-231E-B997-5B80A092F3F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CC307521-743C-1208-1D69-10BECAE17C6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1E38A3F5-817D-343E-984A-36DA357ABD2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09A87F69-C731-EFB8-7DAC-BC9B2E3D9CB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9115F90D-483D-F35B-6A2B-15DDC98EDD2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6EE9AA3-B1D2-CF8D-87A3-5F188D4BCA5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80814361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063D881C-770B-51E5-486D-1B399CBB117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49DB969-A60E-792A-A5B0-5F21273FC7C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CEF65FC-AC71-BAC7-2A2D-F909E9C6644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BF9D4AE4-A95B-2209-9F45-FC1EA52D7D0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EB52D3C8-61CA-F99F-5137-530EC4009D4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2CAAC46E-AE70-7411-0A5F-30BBB1A9976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021DA9BB-F40A-B487-02B9-C4BDC5259506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40271495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4F1B394-6411-42C2-340C-BC57BE4E331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25704F16-99E7-1755-ECA6-5E6FD51E264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F61DD59D-52AB-054A-551E-36D018FE6CB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A5E0246-9CA6-D6F9-66D9-815AB1F4427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4053016F-50E5-A624-8FCC-C2DC14CBC753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B1844451-A624-A7BF-41AB-5C275DC6889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5FE3B2BF-CBEA-8C06-05D3-85C498ADF10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29153662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287185DD-8702-CA0E-D905-B65C8D4CA8C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A4605D2C-B64C-6ADB-1CE3-CBC2203E066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C878AD55-FE7B-7779-0078-05E5CA11F53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C9A73B69-A8C1-CE8F-B45E-FF97254C503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C137C49-DA4C-1A26-85E5-1D645AE5ED0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169E906-4828-5740-4CD4-682A4ADD12C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CDEBB23-A58B-6E1E-A03B-3722011A269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7437077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67C4B9FC-EA9B-656B-BC9C-3FCD8814F1E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2515A412-8893-84DD-F816-64B5B02D16E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925E96E7-BF5C-56FF-D3D7-FBF6CA585C3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3AE13B29-2C8C-3DB1-D742-2F5039ADE05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76EAB66-8A21-65D9-C12A-4E2AEEC971D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0C6D837B-C7AE-4030-84D7-D3AD138CFA2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F95AA829-64B8-E476-51E6-B717A0AEFD0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5178740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974F44F-9846-548D-9357-198D109BFA9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CB525007-3CED-975F-521B-B982A0D704F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F3D071C-0023-395F-C5C4-6B01DBBBFB1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1512F9DD-44DC-931C-FDC5-8EAC3B3C32D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E75BFDC0-12EE-01A9-8B9D-67315659049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4D3A7F9E-D4C0-505E-D69B-C97D3FAB0B6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A3E0B13-4753-3D10-A13B-28B7A8AA780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66408281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1B2BC1A2-8901-0A21-2BBD-64AC34725EE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14B3B5B-5B58-5562-EADB-67C111424AA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754FC6A9-43EE-A885-603A-8DC20C767A6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B2D7880-AC22-E564-69B6-DDE4F149020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4B87B3AB-DF2A-7067-804E-4F78E03D510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4ED08488-3ED1-E88D-E1D5-FD87E401263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D837CB9D-2E52-A07A-FE0F-23F2420ACC61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2"/>
            <a:ext cx="1943918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6990725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282718569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2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4DAEBD68-5E87-1C10-412D-FA586F8B2C69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2CDA627E-455C-1570-F294-A83088C14AD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4399CFB7-F04C-0D6E-A498-468390843C1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F4942ABA-4CD1-755E-0741-72DDD882109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AB8CC2E2-960B-E61A-31CF-9CE7D8AF903C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5FAC5FF-08B8-4D09-0016-70F58B65B59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08668D1-9A1D-0013-A35F-C61E59DAF72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81645457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En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C56FB39F-C192-731B-506D-7DE1698EB2C2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141E15D8-566A-2ED1-0960-4DE03E7FD717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F8C98474-F4AA-6647-F2EC-89040F09ECBA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4107913741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標題投影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副標題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zh-TW" altLang="en-US"/>
              <a:t>按一下以編輯母片副標題樣式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90483112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標題及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627981344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章節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33000210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兩項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327231429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對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5" name="文字版面配置區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6" name="內容版面配置區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7" name="日期版面配置區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8" name="頁尾版面配置區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9" name="投影片編號版面配置區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19651683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只有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日期版面配置區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4" name="頁尾版面配置區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5" name="投影片編號版面配置區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211042777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日期版面配置區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3" name="頁尾版面配置區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7631931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含標題的內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568176606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含標題的圖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圖片版面配置區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zh-TW" altLang="en-US"/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3134228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7" y="5694103"/>
            <a:ext cx="909103" cy="792000"/>
          </a:xfrm>
          <a:prstGeom prst="rect">
            <a:avLst/>
          </a:prstGeom>
        </p:spPr>
      </p:pic>
      <p:grpSp>
        <p:nvGrpSpPr>
          <p:cNvPr id="13" name="Group 12">
            <a:extLst>
              <a:ext uri="{FF2B5EF4-FFF2-40B4-BE49-F238E27FC236}">
                <a16:creationId xmlns:a16="http://schemas.microsoft.com/office/drawing/2014/main" id="{6DDAD921-C8AF-8C4F-BD6E-166418BD5BA8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57B8CF-7120-4B98-778B-17BBCB76EE1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15" name="Group 14">
              <a:extLst>
                <a:ext uri="{FF2B5EF4-FFF2-40B4-BE49-F238E27FC236}">
                  <a16:creationId xmlns:a16="http://schemas.microsoft.com/office/drawing/2014/main" id="{F0CEF836-CB0C-F023-5B69-BA6DB13C4FD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16" name="Graphic 15">
                <a:extLst>
                  <a:ext uri="{FF2B5EF4-FFF2-40B4-BE49-F238E27FC236}">
                    <a16:creationId xmlns:a16="http://schemas.microsoft.com/office/drawing/2014/main" id="{1A1A4CC7-1C50-1AA9-28B2-68C96AC545B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7" name="Rectangle: Rounded Corners 16">
                <a:extLst>
                  <a:ext uri="{FF2B5EF4-FFF2-40B4-BE49-F238E27FC236}">
                    <a16:creationId xmlns:a16="http://schemas.microsoft.com/office/drawing/2014/main" id="{D54A3456-C07B-39FF-3BF2-7F8E282271C4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8" name="Rectangle 17">
                <a:extLst>
                  <a:ext uri="{FF2B5EF4-FFF2-40B4-BE49-F238E27FC236}">
                    <a16:creationId xmlns:a16="http://schemas.microsoft.com/office/drawing/2014/main" id="{2DB2420E-743F-03FF-AA68-3EB648C491A0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9" name="Picture 18">
            <a:extLst>
              <a:ext uri="{FF2B5EF4-FFF2-40B4-BE49-F238E27FC236}">
                <a16:creationId xmlns:a16="http://schemas.microsoft.com/office/drawing/2014/main" id="{64664ECB-186F-B9E2-FEAE-C075EFE0CA1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80511945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標題及直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102689812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直排標題及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直排標題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6631084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97301627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8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50"/>
            <a:ext cx="914403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FF05E42-A9CE-78F4-DCFD-A2B35EE0B62E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0D80FC2E-95C9-231E-B997-5B80A092F3F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CC307521-743C-1208-1D69-10BECAE17C6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1E38A3F5-817D-343E-984A-36DA357ABD2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09A87F69-C731-EFB8-7DAC-BC9B2E3D9CB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9115F90D-483D-F35B-6A2B-15DDC98EDD2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6EE9AA3-B1D2-CF8D-87A3-5F188D4BCA5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7687110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3" y="57792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7001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063D881C-770B-51E5-486D-1B399CBB1172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49DB969-A60E-792A-A5B0-5F21273FC7C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CEF65FC-AC71-BAC7-2A2D-F909E9C6644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BF9D4AE4-A95B-2209-9F45-FC1EA52D7D0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EB52D3C8-61CA-F99F-5137-530EC4009D4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2CAAC46E-AE70-7411-0A5F-30BBB1A9976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021DA9BB-F40A-B487-02B9-C4BDC5259506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144425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4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1" y="5719425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4F1B394-6411-42C2-340C-BC57BE4E331E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25704F16-99E7-1755-ECA6-5E6FD51E264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F61DD59D-52AB-054A-551E-36D018FE6CB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A5E0246-9CA6-D6F9-66D9-815AB1F4427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4053016F-50E5-A624-8FCC-C2DC14CBC753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B1844451-A624-A7BF-41AB-5C275DC6889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5FE3B2BF-CBEA-8C06-05D3-85C498ADF10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8693918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1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287185DD-8702-CA0E-D905-B65C8D4CA8CB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A4605D2C-B64C-6ADB-1CE3-CBC2203E066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C878AD55-FE7B-7779-0078-05E5CA11F53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C9A73B69-A8C1-CE8F-B45E-FF97254C503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C137C49-DA4C-1A26-85E5-1D645AE5ED0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169E906-4828-5740-4CD4-682A4ADD12C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CDEBB23-A58B-6E1E-A03B-3722011A269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3428972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image" Target="../media/image1.png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theme" Target="../theme/theme1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4.xml"/><Relationship Id="rId13" Type="http://schemas.openxmlformats.org/officeDocument/2006/relationships/slideLayout" Target="../slideLayouts/slideLayout39.xml"/><Relationship Id="rId18" Type="http://schemas.openxmlformats.org/officeDocument/2006/relationships/slideLayout" Target="../slideLayouts/slideLayout44.xml"/><Relationship Id="rId26" Type="http://schemas.openxmlformats.org/officeDocument/2006/relationships/slideLayout" Target="../slideLayouts/slideLayout52.xml"/><Relationship Id="rId3" Type="http://schemas.openxmlformats.org/officeDocument/2006/relationships/slideLayout" Target="../slideLayouts/slideLayout29.xml"/><Relationship Id="rId21" Type="http://schemas.openxmlformats.org/officeDocument/2006/relationships/slideLayout" Target="../slideLayouts/slideLayout47.xml"/><Relationship Id="rId7" Type="http://schemas.openxmlformats.org/officeDocument/2006/relationships/slideLayout" Target="../slideLayouts/slideLayout33.xml"/><Relationship Id="rId12" Type="http://schemas.openxmlformats.org/officeDocument/2006/relationships/slideLayout" Target="../slideLayouts/slideLayout38.xml"/><Relationship Id="rId17" Type="http://schemas.openxmlformats.org/officeDocument/2006/relationships/slideLayout" Target="../slideLayouts/slideLayout43.xml"/><Relationship Id="rId25" Type="http://schemas.openxmlformats.org/officeDocument/2006/relationships/slideLayout" Target="../slideLayouts/slideLayout51.xml"/><Relationship Id="rId2" Type="http://schemas.openxmlformats.org/officeDocument/2006/relationships/slideLayout" Target="../slideLayouts/slideLayout28.xml"/><Relationship Id="rId16" Type="http://schemas.openxmlformats.org/officeDocument/2006/relationships/slideLayout" Target="../slideLayouts/slideLayout42.xml"/><Relationship Id="rId20" Type="http://schemas.openxmlformats.org/officeDocument/2006/relationships/slideLayout" Target="../slideLayouts/slideLayout46.xml"/><Relationship Id="rId1" Type="http://schemas.openxmlformats.org/officeDocument/2006/relationships/slideLayout" Target="../slideLayouts/slideLayout27.xml"/><Relationship Id="rId6" Type="http://schemas.openxmlformats.org/officeDocument/2006/relationships/slideLayout" Target="../slideLayouts/slideLayout32.xml"/><Relationship Id="rId11" Type="http://schemas.openxmlformats.org/officeDocument/2006/relationships/slideLayout" Target="../slideLayouts/slideLayout37.xml"/><Relationship Id="rId24" Type="http://schemas.openxmlformats.org/officeDocument/2006/relationships/slideLayout" Target="../slideLayouts/slideLayout50.xml"/><Relationship Id="rId5" Type="http://schemas.openxmlformats.org/officeDocument/2006/relationships/slideLayout" Target="../slideLayouts/slideLayout31.xml"/><Relationship Id="rId15" Type="http://schemas.openxmlformats.org/officeDocument/2006/relationships/slideLayout" Target="../slideLayouts/slideLayout41.xml"/><Relationship Id="rId23" Type="http://schemas.openxmlformats.org/officeDocument/2006/relationships/slideLayout" Target="../slideLayouts/slideLayout49.xml"/><Relationship Id="rId28" Type="http://schemas.openxmlformats.org/officeDocument/2006/relationships/image" Target="../media/image1.png"/><Relationship Id="rId10" Type="http://schemas.openxmlformats.org/officeDocument/2006/relationships/slideLayout" Target="../slideLayouts/slideLayout36.xml"/><Relationship Id="rId19" Type="http://schemas.openxmlformats.org/officeDocument/2006/relationships/slideLayout" Target="../slideLayouts/slideLayout45.xml"/><Relationship Id="rId4" Type="http://schemas.openxmlformats.org/officeDocument/2006/relationships/slideLayout" Target="../slideLayouts/slideLayout30.xml"/><Relationship Id="rId9" Type="http://schemas.openxmlformats.org/officeDocument/2006/relationships/slideLayout" Target="../slideLayouts/slideLayout35.xml"/><Relationship Id="rId14" Type="http://schemas.openxmlformats.org/officeDocument/2006/relationships/slideLayout" Target="../slideLayouts/slideLayout40.xml"/><Relationship Id="rId22" Type="http://schemas.openxmlformats.org/officeDocument/2006/relationships/slideLayout" Target="../slideLayouts/slideLayout48.xml"/><Relationship Id="rId27" Type="http://schemas.openxmlformats.org/officeDocument/2006/relationships/theme" Target="../theme/theme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FF75A514-B688-CDF0-8B4B-A502D7B6F397}"/>
              </a:ext>
            </a:extLst>
          </p:cNvPr>
          <p:cNvPicPr>
            <a:picLocks noChangeAspect="1"/>
          </p:cNvPicPr>
          <p:nvPr userDrawn="1"/>
        </p:nvPicPr>
        <p:blipFill>
          <a:blip r:embed="rId2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3" y="6161491"/>
            <a:ext cx="1596876" cy="591359"/>
          </a:xfrm>
          <a:prstGeom prst="rect">
            <a:avLst/>
          </a:prstGeom>
        </p:spPr>
      </p:pic>
      <p:sp>
        <p:nvSpPr>
          <p:cNvPr id="2" name="標題版面配置區 1"/>
          <p:cNvSpPr>
            <a:spLocks noGrp="1"/>
          </p:cNvSpPr>
          <p:nvPr>
            <p:ph type="title"/>
          </p:nvPr>
        </p:nvSpPr>
        <p:spPr>
          <a:xfrm>
            <a:off x="838200" y="365127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2"/>
          </p:nvPr>
        </p:nvSpPr>
        <p:spPr>
          <a:xfrm>
            <a:off x="838200" y="6356352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3"/>
          </p:nvPr>
        </p:nvSpPr>
        <p:spPr>
          <a:xfrm>
            <a:off x="4038600" y="6356352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4"/>
          </p:nvPr>
        </p:nvSpPr>
        <p:spPr>
          <a:xfrm>
            <a:off x="8610600" y="6356352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20724244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9" r:id="rId1"/>
    <p:sldLayoutId id="2147483680" r:id="rId2"/>
    <p:sldLayoutId id="2147483681" r:id="rId3"/>
    <p:sldLayoutId id="2147483682" r:id="rId4"/>
    <p:sldLayoutId id="2147483683" r:id="rId5"/>
    <p:sldLayoutId id="2147483684" r:id="rId6"/>
    <p:sldLayoutId id="2147483685" r:id="rId7"/>
    <p:sldLayoutId id="2147483686" r:id="rId8"/>
    <p:sldLayoutId id="2147483687" r:id="rId9"/>
    <p:sldLayoutId id="2147483688" r:id="rId10"/>
    <p:sldLayoutId id="2147483689" r:id="rId11"/>
    <p:sldLayoutId id="2147483690" r:id="rId12"/>
    <p:sldLayoutId id="2147483691" r:id="rId13"/>
    <p:sldLayoutId id="2147483692" r:id="rId14"/>
    <p:sldLayoutId id="2147483693" r:id="rId15"/>
    <p:sldLayoutId id="2147483694" r:id="rId16"/>
    <p:sldLayoutId id="2147483695" r:id="rId17"/>
    <p:sldLayoutId id="2147483696" r:id="rId18"/>
    <p:sldLayoutId id="2147483697" r:id="rId19"/>
    <p:sldLayoutId id="2147483698" r:id="rId20"/>
    <p:sldLayoutId id="2147483699" r:id="rId21"/>
    <p:sldLayoutId id="2147483700" r:id="rId22"/>
    <p:sldLayoutId id="2147483701" r:id="rId23"/>
    <p:sldLayoutId id="2147483702" r:id="rId24"/>
    <p:sldLayoutId id="2147483703" r:id="rId25"/>
    <p:sldLayoutId id="2147483704" r:id="rId26"/>
  </p:sldLayoutIdLs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71450" indent="-171450" algn="l" defTabSz="6858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100" kern="1200">
          <a:solidFill>
            <a:schemeClr val="tx1"/>
          </a:solidFill>
          <a:latin typeface="+mn-lt"/>
          <a:ea typeface="+mn-ea"/>
          <a:cs typeface="+mn-cs"/>
        </a:defRPr>
      </a:lvl1pPr>
      <a:lvl2pPr marL="5143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5120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FF75A514-B688-CDF0-8B4B-A502D7B6F397}"/>
              </a:ext>
            </a:extLst>
          </p:cNvPr>
          <p:cNvPicPr>
            <a:picLocks noChangeAspect="1"/>
          </p:cNvPicPr>
          <p:nvPr userDrawn="1"/>
        </p:nvPicPr>
        <p:blipFill>
          <a:blip r:embed="rId2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89"/>
            <a:ext cx="1596876" cy="591359"/>
          </a:xfrm>
          <a:prstGeom prst="rect">
            <a:avLst/>
          </a:prstGeom>
        </p:spPr>
      </p:pic>
      <p:sp>
        <p:nvSpPr>
          <p:cNvPr id="2" name="標題版面配置區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88610032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6" r:id="rId1"/>
    <p:sldLayoutId id="2147483707" r:id="rId2"/>
    <p:sldLayoutId id="2147483708" r:id="rId3"/>
    <p:sldLayoutId id="2147483709" r:id="rId4"/>
    <p:sldLayoutId id="2147483710" r:id="rId5"/>
    <p:sldLayoutId id="2147483711" r:id="rId6"/>
    <p:sldLayoutId id="2147483712" r:id="rId7"/>
    <p:sldLayoutId id="2147483713" r:id="rId8"/>
    <p:sldLayoutId id="2147483714" r:id="rId9"/>
    <p:sldLayoutId id="2147483715" r:id="rId10"/>
    <p:sldLayoutId id="2147483716" r:id="rId11"/>
    <p:sldLayoutId id="2147483717" r:id="rId12"/>
    <p:sldLayoutId id="2147483718" r:id="rId13"/>
    <p:sldLayoutId id="2147483719" r:id="rId14"/>
    <p:sldLayoutId id="2147483720" r:id="rId15"/>
    <p:sldLayoutId id="2147483721" r:id="rId16"/>
    <p:sldLayoutId id="2147483722" r:id="rId17"/>
    <p:sldLayoutId id="2147483723" r:id="rId18"/>
    <p:sldLayoutId id="2147483724" r:id="rId19"/>
    <p:sldLayoutId id="2147483725" r:id="rId20"/>
    <p:sldLayoutId id="2147483726" r:id="rId21"/>
    <p:sldLayoutId id="2147483727" r:id="rId22"/>
    <p:sldLayoutId id="2147483728" r:id="rId23"/>
    <p:sldLayoutId id="2147483729" r:id="rId24"/>
    <p:sldLayoutId id="2147483730" r:id="rId25"/>
    <p:sldLayoutId id="2147483731" r:id="rId2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8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2.mp3"/><Relationship Id="rId7" Type="http://schemas.openxmlformats.org/officeDocument/2006/relationships/image" Target="../media/image30.png"/><Relationship Id="rId12" Type="http://schemas.openxmlformats.org/officeDocument/2006/relationships/image" Target="../media/image32.png"/><Relationship Id="rId2" Type="http://schemas.openxmlformats.org/officeDocument/2006/relationships/audio" Target="NULL" TargetMode="External"/><Relationship Id="rId1" Type="http://schemas.openxmlformats.org/officeDocument/2006/relationships/tags" Target="../tags/tag11.xml"/><Relationship Id="rId6" Type="http://schemas.openxmlformats.org/officeDocument/2006/relationships/image" Target="../media/image39.png"/><Relationship Id="rId11" Type="http://schemas.openxmlformats.org/officeDocument/2006/relationships/image" Target="../media/image40.png"/><Relationship Id="rId5" Type="http://schemas.openxmlformats.org/officeDocument/2006/relationships/notesSlide" Target="../notesSlides/notesSlide10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1.xml"/><Relationship Id="rId9" Type="http://schemas.openxmlformats.org/officeDocument/2006/relationships/slide" Target="slide3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2.mp3"/><Relationship Id="rId7" Type="http://schemas.openxmlformats.org/officeDocument/2006/relationships/image" Target="../media/image30.png"/><Relationship Id="rId2" Type="http://schemas.openxmlformats.org/officeDocument/2006/relationships/audio" Target="NULL" TargetMode="External"/><Relationship Id="rId1" Type="http://schemas.openxmlformats.org/officeDocument/2006/relationships/tags" Target="../tags/tag12.xml"/><Relationship Id="rId6" Type="http://schemas.openxmlformats.org/officeDocument/2006/relationships/image" Target="../media/image41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11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1.xml"/><Relationship Id="rId9" Type="http://schemas.openxmlformats.org/officeDocument/2006/relationships/slide" Target="slide3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13" Type="http://schemas.openxmlformats.org/officeDocument/2006/relationships/image" Target="../media/image32.png"/><Relationship Id="rId3" Type="http://schemas.microsoft.com/office/2007/relationships/media" Target="../media/media2.mp3"/><Relationship Id="rId7" Type="http://schemas.openxmlformats.org/officeDocument/2006/relationships/image" Target="../media/image30.png"/><Relationship Id="rId12" Type="http://schemas.openxmlformats.org/officeDocument/2006/relationships/slide" Target="slide18.xml"/><Relationship Id="rId2" Type="http://schemas.openxmlformats.org/officeDocument/2006/relationships/audio" Target="NULL" TargetMode="External"/><Relationship Id="rId1" Type="http://schemas.openxmlformats.org/officeDocument/2006/relationships/tags" Target="../tags/tag13.xml"/><Relationship Id="rId6" Type="http://schemas.openxmlformats.org/officeDocument/2006/relationships/image" Target="../media/image42.png"/><Relationship Id="rId11" Type="http://schemas.openxmlformats.org/officeDocument/2006/relationships/slide" Target="slide3.xml"/><Relationship Id="rId5" Type="http://schemas.openxmlformats.org/officeDocument/2006/relationships/notesSlide" Target="../notesSlides/notesSlide12.xml"/><Relationship Id="rId10" Type="http://schemas.microsoft.com/office/2007/relationships/hdphoto" Target="../media/hdphoto1.wdp"/><Relationship Id="rId4" Type="http://schemas.openxmlformats.org/officeDocument/2006/relationships/slideLayout" Target="../slideLayouts/slideLayout21.xml"/><Relationship Id="rId9" Type="http://schemas.openxmlformats.org/officeDocument/2006/relationships/image" Target="../media/image43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microsoft.com/office/2007/relationships/media" Target="../media/media2.mp3"/><Relationship Id="rId7" Type="http://schemas.openxmlformats.org/officeDocument/2006/relationships/image" Target="../media/image31.svg"/><Relationship Id="rId2" Type="http://schemas.openxmlformats.org/officeDocument/2006/relationships/audio" Target="NULL" TargetMode="External"/><Relationship Id="rId1" Type="http://schemas.openxmlformats.org/officeDocument/2006/relationships/tags" Target="../tags/tag14.xml"/><Relationship Id="rId6" Type="http://schemas.openxmlformats.org/officeDocument/2006/relationships/image" Target="../media/image30.png"/><Relationship Id="rId5" Type="http://schemas.openxmlformats.org/officeDocument/2006/relationships/notesSlide" Target="../notesSlides/notesSlide13.xml"/><Relationship Id="rId10" Type="http://schemas.openxmlformats.org/officeDocument/2006/relationships/image" Target="../media/image32.png"/><Relationship Id="rId4" Type="http://schemas.openxmlformats.org/officeDocument/2006/relationships/slideLayout" Target="../slideLayouts/slideLayout21.xml"/><Relationship Id="rId9" Type="http://schemas.openxmlformats.org/officeDocument/2006/relationships/slide" Target="slide18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2.mp3"/><Relationship Id="rId7" Type="http://schemas.openxmlformats.org/officeDocument/2006/relationships/image" Target="../media/image30.png"/><Relationship Id="rId12" Type="http://schemas.openxmlformats.org/officeDocument/2006/relationships/image" Target="../media/image32.png"/><Relationship Id="rId2" Type="http://schemas.openxmlformats.org/officeDocument/2006/relationships/audio" Target="NULL" TargetMode="External"/><Relationship Id="rId1" Type="http://schemas.openxmlformats.org/officeDocument/2006/relationships/tags" Target="../tags/tag15.xml"/><Relationship Id="rId6" Type="http://schemas.openxmlformats.org/officeDocument/2006/relationships/image" Target="../media/image44.png"/><Relationship Id="rId11" Type="http://schemas.openxmlformats.org/officeDocument/2006/relationships/slide" Target="slide18.xml"/><Relationship Id="rId5" Type="http://schemas.openxmlformats.org/officeDocument/2006/relationships/notesSlide" Target="../notesSlides/notesSlide14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21.xml"/><Relationship Id="rId9" Type="http://schemas.openxmlformats.org/officeDocument/2006/relationships/image" Target="../media/image45.emf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2.mp3"/><Relationship Id="rId7" Type="http://schemas.openxmlformats.org/officeDocument/2006/relationships/image" Target="../media/image30.png"/><Relationship Id="rId2" Type="http://schemas.openxmlformats.org/officeDocument/2006/relationships/audio" Target="NULL" TargetMode="External"/><Relationship Id="rId1" Type="http://schemas.openxmlformats.org/officeDocument/2006/relationships/tags" Target="../tags/tag16.xml"/><Relationship Id="rId6" Type="http://schemas.openxmlformats.org/officeDocument/2006/relationships/image" Target="../media/image46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15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1.xml"/><Relationship Id="rId9" Type="http://schemas.openxmlformats.org/officeDocument/2006/relationships/slide" Target="slide3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2.mp3"/><Relationship Id="rId7" Type="http://schemas.openxmlformats.org/officeDocument/2006/relationships/image" Target="../media/image30.png"/><Relationship Id="rId2" Type="http://schemas.openxmlformats.org/officeDocument/2006/relationships/audio" Target="NULL" TargetMode="External"/><Relationship Id="rId1" Type="http://schemas.openxmlformats.org/officeDocument/2006/relationships/tags" Target="../tags/tag17.xml"/><Relationship Id="rId6" Type="http://schemas.openxmlformats.org/officeDocument/2006/relationships/image" Target="../media/image47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16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1.xml"/><Relationship Id="rId9" Type="http://schemas.openxmlformats.org/officeDocument/2006/relationships/slide" Target="slide3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2.mp3"/><Relationship Id="rId7" Type="http://schemas.openxmlformats.org/officeDocument/2006/relationships/image" Target="../media/image30.png"/><Relationship Id="rId12" Type="http://schemas.openxmlformats.org/officeDocument/2006/relationships/image" Target="../media/image32.png"/><Relationship Id="rId2" Type="http://schemas.openxmlformats.org/officeDocument/2006/relationships/audio" Target="NULL" TargetMode="External"/><Relationship Id="rId1" Type="http://schemas.openxmlformats.org/officeDocument/2006/relationships/tags" Target="../tags/tag18.xml"/><Relationship Id="rId6" Type="http://schemas.openxmlformats.org/officeDocument/2006/relationships/image" Target="../media/image48.png"/><Relationship Id="rId11" Type="http://schemas.openxmlformats.org/officeDocument/2006/relationships/slide" Target="slide18.xml"/><Relationship Id="rId5" Type="http://schemas.openxmlformats.org/officeDocument/2006/relationships/notesSlide" Target="../notesSlides/notesSlide17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21.xml"/><Relationship Id="rId9" Type="http://schemas.openxmlformats.org/officeDocument/2006/relationships/image" Target="../media/image49.emf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47.xml"/><Relationship Id="rId1" Type="http://schemas.openxmlformats.org/officeDocument/2006/relationships/tags" Target="../tags/tag19.xml"/><Relationship Id="rId5" Type="http://schemas.openxmlformats.org/officeDocument/2006/relationships/slide" Target="slide18.xml"/><Relationship Id="rId4" Type="http://schemas.openxmlformats.org/officeDocument/2006/relationships/slide" Target="slide3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2.svg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51.png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20.xml"/><Relationship Id="rId6" Type="http://schemas.openxmlformats.org/officeDocument/2006/relationships/slide" Target="slide18.xml"/><Relationship Id="rId5" Type="http://schemas.openxmlformats.org/officeDocument/2006/relationships/slide" Target="slide3.xml"/><Relationship Id="rId4" Type="http://schemas.openxmlformats.org/officeDocument/2006/relationships/image" Target="../media/image50.emf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52.xml"/><Relationship Id="rId1" Type="http://schemas.openxmlformats.org/officeDocument/2006/relationships/tags" Target="../tags/tag3.xml"/><Relationship Id="rId4" Type="http://schemas.openxmlformats.org/officeDocument/2006/relationships/image" Target="../media/image29.jpe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52.svg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51.png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21.xml"/><Relationship Id="rId6" Type="http://schemas.openxmlformats.org/officeDocument/2006/relationships/image" Target="../media/image53.emf"/><Relationship Id="rId5" Type="http://schemas.openxmlformats.org/officeDocument/2006/relationships/slide" Target="slide18.xml"/><Relationship Id="rId4" Type="http://schemas.openxmlformats.org/officeDocument/2006/relationships/slide" Target="slide3.xml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2.svg"/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51.png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22.xml"/><Relationship Id="rId6" Type="http://schemas.openxmlformats.org/officeDocument/2006/relationships/slide" Target="slide18.xml"/><Relationship Id="rId5" Type="http://schemas.openxmlformats.org/officeDocument/2006/relationships/slide" Target="slide3.xml"/><Relationship Id="rId4" Type="http://schemas.openxmlformats.org/officeDocument/2006/relationships/image" Target="../media/image54.emf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2.svg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51.png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23.xml"/><Relationship Id="rId6" Type="http://schemas.openxmlformats.org/officeDocument/2006/relationships/slide" Target="slide18.xml"/><Relationship Id="rId5" Type="http://schemas.openxmlformats.org/officeDocument/2006/relationships/slide" Target="slide3.xml"/><Relationship Id="rId4" Type="http://schemas.openxmlformats.org/officeDocument/2006/relationships/image" Target="../media/image55.emf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2.svg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51.png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24.xml"/><Relationship Id="rId6" Type="http://schemas.openxmlformats.org/officeDocument/2006/relationships/slide" Target="slide18.xml"/><Relationship Id="rId5" Type="http://schemas.openxmlformats.org/officeDocument/2006/relationships/slide" Target="slide3.xml"/><Relationship Id="rId4" Type="http://schemas.openxmlformats.org/officeDocument/2006/relationships/image" Target="../media/image56.emf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2.svg"/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51.png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25.xml"/><Relationship Id="rId6" Type="http://schemas.openxmlformats.org/officeDocument/2006/relationships/slide" Target="slide18.xml"/><Relationship Id="rId5" Type="http://schemas.openxmlformats.org/officeDocument/2006/relationships/slide" Target="slide3.xml"/><Relationship Id="rId4" Type="http://schemas.openxmlformats.org/officeDocument/2006/relationships/image" Target="../media/image57.emf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27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png"/><Relationship Id="rId3" Type="http://schemas.microsoft.com/office/2007/relationships/media" Target="../media/media1.mp3"/><Relationship Id="rId7" Type="http://schemas.openxmlformats.org/officeDocument/2006/relationships/slide" Target="slide18.xml"/><Relationship Id="rId2" Type="http://schemas.openxmlformats.org/officeDocument/2006/relationships/audio" Target="NULL" TargetMode="External"/><Relationship Id="rId1" Type="http://schemas.openxmlformats.org/officeDocument/2006/relationships/tags" Target="../tags/tag4.xml"/><Relationship Id="rId6" Type="http://schemas.openxmlformats.org/officeDocument/2006/relationships/slide" Target="slide3.xml"/><Relationship Id="rId5" Type="http://schemas.openxmlformats.org/officeDocument/2006/relationships/notesSlide" Target="../notesSlides/notesSlide3.xml"/><Relationship Id="rId10" Type="http://schemas.openxmlformats.org/officeDocument/2006/relationships/image" Target="../media/image32.png"/><Relationship Id="rId4" Type="http://schemas.openxmlformats.org/officeDocument/2006/relationships/slideLayout" Target="../slideLayouts/slideLayout21.xml"/><Relationship Id="rId9" Type="http://schemas.openxmlformats.org/officeDocument/2006/relationships/image" Target="../media/image31.sv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1.mp3"/><Relationship Id="rId7" Type="http://schemas.openxmlformats.org/officeDocument/2006/relationships/image" Target="../media/image30.png"/><Relationship Id="rId2" Type="http://schemas.openxmlformats.org/officeDocument/2006/relationships/audio" Target="NULL" TargetMode="External"/><Relationship Id="rId1" Type="http://schemas.openxmlformats.org/officeDocument/2006/relationships/tags" Target="../tags/tag5.xml"/><Relationship Id="rId6" Type="http://schemas.openxmlformats.org/officeDocument/2006/relationships/image" Target="../media/image33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4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1.xml"/><Relationship Id="rId9" Type="http://schemas.openxmlformats.org/officeDocument/2006/relationships/slide" Target="slide3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1.mp3"/><Relationship Id="rId7" Type="http://schemas.openxmlformats.org/officeDocument/2006/relationships/image" Target="../media/image30.png"/><Relationship Id="rId2" Type="http://schemas.openxmlformats.org/officeDocument/2006/relationships/audio" Target="NULL" TargetMode="External"/><Relationship Id="rId1" Type="http://schemas.openxmlformats.org/officeDocument/2006/relationships/tags" Target="../tags/tag6.xml"/><Relationship Id="rId6" Type="http://schemas.openxmlformats.org/officeDocument/2006/relationships/image" Target="../media/image34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5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1.xml"/><Relationship Id="rId9" Type="http://schemas.openxmlformats.org/officeDocument/2006/relationships/slide" Target="slide3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1.mp3"/><Relationship Id="rId7" Type="http://schemas.openxmlformats.org/officeDocument/2006/relationships/image" Target="../media/image30.png"/><Relationship Id="rId2" Type="http://schemas.openxmlformats.org/officeDocument/2006/relationships/audio" Target="NULL" TargetMode="External"/><Relationship Id="rId1" Type="http://schemas.openxmlformats.org/officeDocument/2006/relationships/tags" Target="../tags/tag7.xml"/><Relationship Id="rId6" Type="http://schemas.openxmlformats.org/officeDocument/2006/relationships/image" Target="../media/image35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6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1.xml"/><Relationship Id="rId9" Type="http://schemas.openxmlformats.org/officeDocument/2006/relationships/slide" Target="slide3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1.mp3"/><Relationship Id="rId7" Type="http://schemas.openxmlformats.org/officeDocument/2006/relationships/image" Target="../media/image30.png"/><Relationship Id="rId2" Type="http://schemas.openxmlformats.org/officeDocument/2006/relationships/audio" Target="NULL" TargetMode="External"/><Relationship Id="rId1" Type="http://schemas.openxmlformats.org/officeDocument/2006/relationships/tags" Target="../tags/tag8.xml"/><Relationship Id="rId6" Type="http://schemas.openxmlformats.org/officeDocument/2006/relationships/image" Target="../media/image36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7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1.xml"/><Relationship Id="rId9" Type="http://schemas.openxmlformats.org/officeDocument/2006/relationships/slide" Target="slide3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1.mp3"/><Relationship Id="rId7" Type="http://schemas.openxmlformats.org/officeDocument/2006/relationships/image" Target="../media/image30.png"/><Relationship Id="rId2" Type="http://schemas.openxmlformats.org/officeDocument/2006/relationships/audio" Target="NULL" TargetMode="External"/><Relationship Id="rId1" Type="http://schemas.openxmlformats.org/officeDocument/2006/relationships/tags" Target="../tags/tag9.xml"/><Relationship Id="rId6" Type="http://schemas.openxmlformats.org/officeDocument/2006/relationships/image" Target="../media/image37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8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6.xml"/><Relationship Id="rId9" Type="http://schemas.openxmlformats.org/officeDocument/2006/relationships/slide" Target="slide3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svg"/><Relationship Id="rId3" Type="http://schemas.microsoft.com/office/2007/relationships/media" Target="../media/media2.mp3"/><Relationship Id="rId7" Type="http://schemas.openxmlformats.org/officeDocument/2006/relationships/image" Target="../media/image30.png"/><Relationship Id="rId2" Type="http://schemas.openxmlformats.org/officeDocument/2006/relationships/audio" Target="NULL" TargetMode="External"/><Relationship Id="rId1" Type="http://schemas.openxmlformats.org/officeDocument/2006/relationships/tags" Target="../tags/tag10.xml"/><Relationship Id="rId6" Type="http://schemas.openxmlformats.org/officeDocument/2006/relationships/image" Target="../media/image38.jpe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9.xml"/><Relationship Id="rId10" Type="http://schemas.openxmlformats.org/officeDocument/2006/relationships/slide" Target="slide18.xml"/><Relationship Id="rId4" Type="http://schemas.openxmlformats.org/officeDocument/2006/relationships/slideLayout" Target="../slideLayouts/slideLayout21.xml"/><Relationship Id="rId9" Type="http://schemas.openxmlformats.org/officeDocument/2006/relationships/slide" Target="slide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F5A85030-8123-9970-E1B9-0F3B84C787AC}"/>
              </a:ext>
            </a:extLst>
          </p:cNvPr>
          <p:cNvSpPr txBox="1"/>
          <p:nvPr/>
        </p:nvSpPr>
        <p:spPr>
          <a:xfrm>
            <a:off x="3381375" y="3668467"/>
            <a:ext cx="542925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800" b="1" i="0" u="none" strike="noStrike" kern="1200" cap="none" spc="0" normalizeH="0" baseline="0" noProof="0" dirty="0">
                <a:ln>
                  <a:noFill/>
                </a:ln>
                <a:solidFill>
                  <a:srgbClr val="002060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Zoo animals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8DD85461-0EE9-DFBC-77F6-F1E0C1398A65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ctr" defTabSz="914400" rtl="0" eaLnBrk="1" fontAlgn="auto" latinLnBrk="0" hangingPunct="1">
              <a:lnSpc>
                <a:spcPts val="46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400" b="1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hapter 4</a:t>
            </a:r>
            <a:endParaRPr kumimoji="0" lang="en-US" sz="44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35524947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06463A79-EE74-540C-4AFC-A391B19A5018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042587" y="733134"/>
            <a:ext cx="6077798" cy="4172532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7209663B-9C48-CF26-047E-CE20995AC25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997689" y="4168506"/>
            <a:ext cx="490537" cy="464719"/>
          </a:xfrm>
          <a:prstGeom prst="rect">
            <a:avLst/>
          </a:prstGeom>
        </p:spPr>
      </p:pic>
      <p:sp>
        <p:nvSpPr>
          <p:cNvPr id="5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FE642A71-3242-82A3-6610-9392DF4171E0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7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A2B3C9C3-6D0A-0FAC-D761-656C0AA6E7C3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grpSp>
        <p:nvGrpSpPr>
          <p:cNvPr id="44" name="Group 43">
            <a:extLst>
              <a:ext uri="{FF2B5EF4-FFF2-40B4-BE49-F238E27FC236}">
                <a16:creationId xmlns:a16="http://schemas.microsoft.com/office/drawing/2014/main" id="{F9C7B14B-C5FE-1746-0C96-A5EEDCAD6D47}"/>
              </a:ext>
            </a:extLst>
          </p:cNvPr>
          <p:cNvGrpSpPr/>
          <p:nvPr/>
        </p:nvGrpSpPr>
        <p:grpSpPr>
          <a:xfrm>
            <a:off x="5288590" y="4687559"/>
            <a:ext cx="3536096" cy="1292285"/>
            <a:chOff x="6537366" y="2055165"/>
            <a:chExt cx="3536096" cy="1292285"/>
          </a:xfrm>
        </p:grpSpPr>
        <p:sp>
          <p:nvSpPr>
            <p:cNvPr id="45" name="Rectangle: Rounded Corners 44">
              <a:extLst>
                <a:ext uri="{FF2B5EF4-FFF2-40B4-BE49-F238E27FC236}">
                  <a16:creationId xmlns:a16="http://schemas.microsoft.com/office/drawing/2014/main" id="{8A3FADC6-E0B4-62C3-1110-B3054F48A97B}"/>
                </a:ext>
              </a:extLst>
            </p:cNvPr>
            <p:cNvSpPr/>
            <p:nvPr/>
          </p:nvSpPr>
          <p:spPr>
            <a:xfrm>
              <a:off x="6537366" y="2516221"/>
              <a:ext cx="3521582" cy="831229"/>
            </a:xfrm>
            <a:prstGeom prst="roundRect">
              <a:avLst/>
            </a:prstGeom>
            <a:solidFill>
              <a:schemeClr val="bg1"/>
            </a:solidFill>
            <a:ln w="57150">
              <a:solidFill>
                <a:srgbClr val="F36E21"/>
              </a:solidFill>
              <a:prstDash val="sys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46" name="Picture 45">
              <a:extLst>
                <a:ext uri="{FF2B5EF4-FFF2-40B4-BE49-F238E27FC236}">
                  <a16:creationId xmlns:a16="http://schemas.microsoft.com/office/drawing/2014/main" id="{9FC2DAF6-27E4-E2F9-DE19-A8A3B0E82DF2}"/>
                </a:ext>
              </a:extLst>
            </p:cNvPr>
            <p:cNvPicPr>
              <a:picLocks noChangeAspect="1"/>
            </p:cNvPicPr>
            <p:nvPr/>
          </p:nvPicPr>
          <p:blipFill>
            <a:blip r:embed="rId11"/>
            <a:stretch>
              <a:fillRect/>
            </a:stretch>
          </p:blipFill>
          <p:spPr>
            <a:xfrm>
              <a:off x="6684432" y="2055165"/>
              <a:ext cx="2367272" cy="661777"/>
            </a:xfrm>
            <a:prstGeom prst="rect">
              <a:avLst/>
            </a:prstGeom>
          </p:spPr>
        </p:pic>
        <p:sp>
          <p:nvSpPr>
            <p:cNvPr id="47" name="TextBox 46">
              <a:extLst>
                <a:ext uri="{FF2B5EF4-FFF2-40B4-BE49-F238E27FC236}">
                  <a16:creationId xmlns:a16="http://schemas.microsoft.com/office/drawing/2014/main" id="{E462FD5D-5A94-FFDC-37E6-22FBD9164F93}"/>
                </a:ext>
              </a:extLst>
            </p:cNvPr>
            <p:cNvSpPr txBox="1"/>
            <p:nvPr/>
          </p:nvSpPr>
          <p:spPr>
            <a:xfrm>
              <a:off x="7532240" y="2578239"/>
              <a:ext cx="2541222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>
                  <a:solidFill>
                    <a:srgbClr val="FF0000"/>
                  </a:solidFill>
                </a:rPr>
                <a:t>a</a:t>
              </a:r>
              <a:r>
                <a:rPr lang="en-US" sz="3600" dirty="0"/>
                <a:t> elephant</a:t>
              </a:r>
            </a:p>
          </p:txBody>
        </p:sp>
        <p:grpSp>
          <p:nvGrpSpPr>
            <p:cNvPr id="48" name="Group 47">
              <a:extLst>
                <a:ext uri="{FF2B5EF4-FFF2-40B4-BE49-F238E27FC236}">
                  <a16:creationId xmlns:a16="http://schemas.microsoft.com/office/drawing/2014/main" id="{710C110C-01C1-87F1-2F8B-3AC81C1B3E96}"/>
                </a:ext>
              </a:extLst>
            </p:cNvPr>
            <p:cNvGrpSpPr/>
            <p:nvPr/>
          </p:nvGrpSpPr>
          <p:grpSpPr>
            <a:xfrm>
              <a:off x="7629871" y="3113324"/>
              <a:ext cx="270868" cy="94753"/>
              <a:chOff x="7348252" y="3235206"/>
              <a:chExt cx="270868" cy="94753"/>
            </a:xfrm>
          </p:grpSpPr>
          <p:sp>
            <p:nvSpPr>
              <p:cNvPr id="50" name="Freeform: Shape 49">
                <a:extLst>
                  <a:ext uri="{FF2B5EF4-FFF2-40B4-BE49-F238E27FC236}">
                    <a16:creationId xmlns:a16="http://schemas.microsoft.com/office/drawing/2014/main" id="{10E413AC-E7AC-B596-338A-B9B07A50A833}"/>
                  </a:ext>
                </a:extLst>
              </p:cNvPr>
              <p:cNvSpPr/>
              <p:nvPr/>
            </p:nvSpPr>
            <p:spPr>
              <a:xfrm rot="21079645" flipV="1">
                <a:off x="7348252" y="3235206"/>
                <a:ext cx="266697" cy="45719"/>
              </a:xfrm>
              <a:custGeom>
                <a:avLst/>
                <a:gdLst>
                  <a:gd name="connsiteX0" fmla="*/ 0 w 266697"/>
                  <a:gd name="connsiteY0" fmla="*/ 45719 h 45719"/>
                  <a:gd name="connsiteX1" fmla="*/ 266697 w 266697"/>
                  <a:gd name="connsiteY1" fmla="*/ 0 h 457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66697" h="45719" extrusionOk="0">
                    <a:moveTo>
                      <a:pt x="0" y="45719"/>
                    </a:moveTo>
                    <a:cubicBezTo>
                      <a:pt x="133108" y="31696"/>
                      <a:pt x="177488" y="26689"/>
                      <a:pt x="266697" y="0"/>
                    </a:cubicBezTo>
                  </a:path>
                </a:pathLst>
              </a:custGeom>
              <a:noFill/>
              <a:ln>
                <a:solidFill>
                  <a:srgbClr val="FF0000"/>
                </a:solidFill>
                <a:extLst>
                  <a:ext uri="{C807C97D-BFC1-408E-A445-0C87EB9F89A2}">
                    <ask:lineSketchStyleProps xmlns:ask="http://schemas.microsoft.com/office/drawing/2018/sketchyshapes" sd="746908">
                      <a:custGeom>
                        <a:avLst/>
                        <a:gdLst>
                          <a:gd name="connsiteX0" fmla="*/ 0 w 585787"/>
                          <a:gd name="connsiteY0" fmla="*/ 4762 h 4762"/>
                          <a:gd name="connsiteX1" fmla="*/ 585787 w 585787"/>
                          <a:gd name="connsiteY1" fmla="*/ 0 h 4762"/>
                        </a:gdLst>
                        <a:ahLst/>
                        <a:cxnLst>
                          <a:cxn ang="0">
                            <a:pos x="connsiteX0" y="connsiteY0"/>
                          </a:cxn>
                          <a:cxn ang="0">
                            <a:pos x="connsiteX1" y="connsiteY1"/>
                          </a:cxn>
                        </a:cxnLst>
                        <a:rect l="l" t="t" r="r" b="b"/>
                        <a:pathLst>
                          <a:path w="585787" h="4762">
                            <a:moveTo>
                              <a:pt x="0" y="4762"/>
                            </a:moveTo>
                            <a:lnTo>
                              <a:pt x="585787" y="0"/>
                            </a:lnTo>
                          </a:path>
                        </a:pathLst>
                      </a:custGeom>
                      <ask:type>
                        <ask:lineSketchFreehand/>
                      </ask:type>
                    </ask:lineSketchStyleProps>
                  </a:ext>
                </a:extLst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51" name="Freeform: Shape 50">
                <a:extLst>
                  <a:ext uri="{FF2B5EF4-FFF2-40B4-BE49-F238E27FC236}">
                    <a16:creationId xmlns:a16="http://schemas.microsoft.com/office/drawing/2014/main" id="{B508CB09-9E7F-CCFF-EF19-7986C82F99C8}"/>
                  </a:ext>
                </a:extLst>
              </p:cNvPr>
              <p:cNvSpPr/>
              <p:nvPr/>
            </p:nvSpPr>
            <p:spPr>
              <a:xfrm rot="21079645" flipV="1">
                <a:off x="7352423" y="3284240"/>
                <a:ext cx="266697" cy="45719"/>
              </a:xfrm>
              <a:custGeom>
                <a:avLst/>
                <a:gdLst>
                  <a:gd name="connsiteX0" fmla="*/ 0 w 266697"/>
                  <a:gd name="connsiteY0" fmla="*/ 45719 h 45719"/>
                  <a:gd name="connsiteX1" fmla="*/ 266697 w 266697"/>
                  <a:gd name="connsiteY1" fmla="*/ 0 h 457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66697" h="45719" extrusionOk="0">
                    <a:moveTo>
                      <a:pt x="0" y="45719"/>
                    </a:moveTo>
                    <a:cubicBezTo>
                      <a:pt x="133108" y="31696"/>
                      <a:pt x="177488" y="26689"/>
                      <a:pt x="266697" y="0"/>
                    </a:cubicBezTo>
                  </a:path>
                </a:pathLst>
              </a:custGeom>
              <a:noFill/>
              <a:ln>
                <a:solidFill>
                  <a:srgbClr val="FF0000"/>
                </a:solidFill>
                <a:extLst>
                  <a:ext uri="{C807C97D-BFC1-408E-A445-0C87EB9F89A2}">
                    <ask:lineSketchStyleProps xmlns:ask="http://schemas.microsoft.com/office/drawing/2018/sketchyshapes" sd="746908">
                      <a:custGeom>
                        <a:avLst/>
                        <a:gdLst>
                          <a:gd name="connsiteX0" fmla="*/ 0 w 585787"/>
                          <a:gd name="connsiteY0" fmla="*/ 4762 h 4762"/>
                          <a:gd name="connsiteX1" fmla="*/ 585787 w 585787"/>
                          <a:gd name="connsiteY1" fmla="*/ 0 h 4762"/>
                        </a:gdLst>
                        <a:ahLst/>
                        <a:cxnLst>
                          <a:cxn ang="0">
                            <a:pos x="connsiteX0" y="connsiteY0"/>
                          </a:cxn>
                          <a:cxn ang="0">
                            <a:pos x="connsiteX1" y="connsiteY1"/>
                          </a:cxn>
                        </a:cxnLst>
                        <a:rect l="l" t="t" r="r" b="b"/>
                        <a:pathLst>
                          <a:path w="585787" h="4762">
                            <a:moveTo>
                              <a:pt x="0" y="4762"/>
                            </a:moveTo>
                            <a:lnTo>
                              <a:pt x="585787" y="0"/>
                            </a:lnTo>
                          </a:path>
                        </a:pathLst>
                      </a:custGeom>
                      <ask:type>
                        <ask:lineSketchFreehand/>
                      </ask:type>
                    </ask:lineSketchStyleProps>
                  </a:ext>
                </a:extLst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</p:grpSp>
        <p:sp>
          <p:nvSpPr>
            <p:cNvPr id="49" name="Multiplication Sign 48">
              <a:extLst>
                <a:ext uri="{FF2B5EF4-FFF2-40B4-BE49-F238E27FC236}">
                  <a16:creationId xmlns:a16="http://schemas.microsoft.com/office/drawing/2014/main" id="{25750AE7-F920-41E3-C083-852EA82F2339}"/>
                </a:ext>
              </a:extLst>
            </p:cNvPr>
            <p:cNvSpPr/>
            <p:nvPr/>
          </p:nvSpPr>
          <p:spPr>
            <a:xfrm>
              <a:off x="6627700" y="2573929"/>
              <a:ext cx="739608" cy="730250"/>
            </a:xfrm>
            <a:prstGeom prst="mathMultiply">
              <a:avLst>
                <a:gd name="adj1" fmla="val 22027"/>
              </a:avLst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2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DB0A12BB-B765-9E34-6ED6-5EE7EE208B18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3085" end="27020.4285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654050" y="2008188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153244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3106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4D7DCACE-AD0D-D941-BC07-CF69A1983193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757286" y="1214128"/>
            <a:ext cx="4677428" cy="4429743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7209663B-9C48-CF26-047E-CE20995AC25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004458" y="4918876"/>
            <a:ext cx="490537" cy="464719"/>
          </a:xfrm>
          <a:prstGeom prst="rect">
            <a:avLst/>
          </a:prstGeom>
        </p:spPr>
      </p:pic>
      <p:sp>
        <p:nvSpPr>
          <p:cNvPr id="5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7EAFDD47-BDBC-525C-76D6-CFE53E5C0162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1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9B51F997-1CDB-9E3C-ECFA-8477EC5807B5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639C89D1-8F2F-F744-2482-A64E0778270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6364" end="24373.4285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654050" y="2008188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22574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47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FE2A5D1C-712E-A2A7-2DE9-30A262759A5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976391" y="1680918"/>
            <a:ext cx="4239217" cy="3496163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7209663B-9C48-CF26-047E-CE20995AC25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447923" y="4334642"/>
            <a:ext cx="490537" cy="464719"/>
          </a:xfrm>
          <a:prstGeom prst="rect">
            <a:avLst/>
          </a:prstGeom>
        </p:spPr>
      </p:pic>
      <p:grpSp>
        <p:nvGrpSpPr>
          <p:cNvPr id="20" name="Group 19">
            <a:extLst>
              <a:ext uri="{FF2B5EF4-FFF2-40B4-BE49-F238E27FC236}">
                <a16:creationId xmlns:a16="http://schemas.microsoft.com/office/drawing/2014/main" id="{E5D10C36-00E8-4811-8AF0-C9D0ED2FDCD3}"/>
              </a:ext>
            </a:extLst>
          </p:cNvPr>
          <p:cNvGrpSpPr/>
          <p:nvPr/>
        </p:nvGrpSpPr>
        <p:grpSpPr>
          <a:xfrm>
            <a:off x="285572" y="2291602"/>
            <a:ext cx="3865977" cy="3406553"/>
            <a:chOff x="314447" y="1993219"/>
            <a:chExt cx="3865977" cy="3406553"/>
          </a:xfrm>
        </p:grpSpPr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C06E29C0-FFB4-520F-3810-92318C9C43F2}"/>
                </a:ext>
              </a:extLst>
            </p:cNvPr>
            <p:cNvGrpSpPr/>
            <p:nvPr/>
          </p:nvGrpSpPr>
          <p:grpSpPr>
            <a:xfrm>
              <a:off x="314447" y="1993219"/>
              <a:ext cx="3776291" cy="3406553"/>
              <a:chOff x="5326197" y="4998936"/>
              <a:chExt cx="3776291" cy="3406553"/>
            </a:xfrm>
          </p:grpSpPr>
          <p:grpSp>
            <p:nvGrpSpPr>
              <p:cNvPr id="7" name="Group 6">
                <a:extLst>
                  <a:ext uri="{FF2B5EF4-FFF2-40B4-BE49-F238E27FC236}">
                    <a16:creationId xmlns:a16="http://schemas.microsoft.com/office/drawing/2014/main" id="{C8F3017C-CC71-881B-22E7-E3BB28E1F8E2}"/>
                  </a:ext>
                </a:extLst>
              </p:cNvPr>
              <p:cNvGrpSpPr/>
              <p:nvPr/>
            </p:nvGrpSpPr>
            <p:grpSpPr>
              <a:xfrm>
                <a:off x="5326197" y="5309676"/>
                <a:ext cx="3776291" cy="3095813"/>
                <a:chOff x="6837550" y="2516220"/>
                <a:chExt cx="3159303" cy="3095813"/>
              </a:xfrm>
            </p:grpSpPr>
            <p:sp>
              <p:nvSpPr>
                <p:cNvPr id="14" name="Rectangle: Rounded Corners 13">
                  <a:extLst>
                    <a:ext uri="{FF2B5EF4-FFF2-40B4-BE49-F238E27FC236}">
                      <a16:creationId xmlns:a16="http://schemas.microsoft.com/office/drawing/2014/main" id="{A09D2908-345E-7488-B23B-93E317BDC535}"/>
                    </a:ext>
                  </a:extLst>
                </p:cNvPr>
                <p:cNvSpPr/>
                <p:nvPr/>
              </p:nvSpPr>
              <p:spPr>
                <a:xfrm>
                  <a:off x="6837550" y="2516220"/>
                  <a:ext cx="3159303" cy="3095813"/>
                </a:xfrm>
                <a:prstGeom prst="roundRect">
                  <a:avLst/>
                </a:prstGeom>
                <a:solidFill>
                  <a:schemeClr val="bg1"/>
                </a:solidFill>
                <a:ln w="57150">
                  <a:solidFill>
                    <a:srgbClr val="00B050"/>
                  </a:solidFill>
                  <a:prstDash val="sysDash"/>
                </a:ln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15" name="TextBox 14">
                  <a:extLst>
                    <a:ext uri="{FF2B5EF4-FFF2-40B4-BE49-F238E27FC236}">
                      <a16:creationId xmlns:a16="http://schemas.microsoft.com/office/drawing/2014/main" id="{D725842B-4611-992B-41AB-E9D7F1A8BDF6}"/>
                    </a:ext>
                  </a:extLst>
                </p:cNvPr>
                <p:cNvSpPr txBox="1"/>
                <p:nvPr/>
              </p:nvSpPr>
              <p:spPr>
                <a:xfrm>
                  <a:off x="7011698" y="2670329"/>
                  <a:ext cx="2711364" cy="1200329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sz="3600" dirty="0">
                      <a:solidFill>
                        <a:srgbClr val="00B050"/>
                      </a:solidFill>
                    </a:rPr>
                    <a:t>hippo = hippo</a:t>
                  </a:r>
                  <a:r>
                    <a:rPr lang="en-US" sz="3600" dirty="0"/>
                    <a:t>potamus</a:t>
                  </a:r>
                </a:p>
              </p:txBody>
            </p:sp>
            <p:sp>
              <p:nvSpPr>
                <p:cNvPr id="16" name="Freeform: Shape 15">
                  <a:extLst>
                    <a:ext uri="{FF2B5EF4-FFF2-40B4-BE49-F238E27FC236}">
                      <a16:creationId xmlns:a16="http://schemas.microsoft.com/office/drawing/2014/main" id="{3518CC40-39BA-D13B-2CAA-544E9A37A484}"/>
                    </a:ext>
                  </a:extLst>
                </p:cNvPr>
                <p:cNvSpPr/>
                <p:nvPr/>
              </p:nvSpPr>
              <p:spPr>
                <a:xfrm>
                  <a:off x="7004050" y="3267075"/>
                  <a:ext cx="561975" cy="0"/>
                </a:xfrm>
                <a:custGeom>
                  <a:avLst/>
                  <a:gdLst>
                    <a:gd name="connsiteX0" fmla="*/ 0 w 561975"/>
                    <a:gd name="connsiteY0" fmla="*/ -2147483648 h 0"/>
                    <a:gd name="connsiteX1" fmla="*/ 561975 w 561975"/>
                    <a:gd name="connsiteY1" fmla="*/ -2147483648 h 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w="561975" extrusionOk="0">
                      <a:moveTo>
                        <a:pt x="0" y="-2147483648"/>
                      </a:moveTo>
                      <a:cubicBezTo>
                        <a:pt x="97281" y="-2147483648"/>
                        <a:pt x="326226" y="-2147468421"/>
                        <a:pt x="561975" y="-2147483648"/>
                      </a:cubicBezTo>
                    </a:path>
                  </a:pathLst>
                </a:custGeom>
                <a:noFill/>
                <a:ln w="28575">
                  <a:solidFill>
                    <a:srgbClr val="FF0000"/>
                  </a:solidFill>
                  <a:extLst>
                    <a:ext uri="{C807C97D-BFC1-408E-A445-0C87EB9F89A2}">
                      <ask:lineSketchStyleProps xmlns:ask="http://schemas.microsoft.com/office/drawing/2018/sketchyshapes" sd="1275292901">
                        <a:custGeom>
                          <a:avLst/>
                          <a:gdLst>
                            <a:gd name="connsiteX0" fmla="*/ 0 w 561975"/>
                            <a:gd name="connsiteY0" fmla="*/ 0 h 0"/>
                            <a:gd name="connsiteX1" fmla="*/ 561975 w 561975"/>
                            <a:gd name="connsiteY1" fmla="*/ 0 h 0"/>
                          </a:gdLst>
                          <a:ahLst/>
                          <a:cxnLst>
                            <a:cxn ang="0">
                              <a:pos x="connsiteX0" y="connsiteY0"/>
                            </a:cxn>
                            <a:cxn ang="0">
                              <a:pos x="connsiteX1" y="connsiteY1"/>
                            </a:cxn>
                          </a:cxnLst>
                          <a:rect l="l" t="t" r="r" b="b"/>
                          <a:pathLst>
                            <a:path w="561975">
                              <a:moveTo>
                                <a:pt x="0" y="0"/>
                              </a:moveTo>
                              <a:lnTo>
                                <a:pt x="561975" y="0"/>
                              </a:lnTo>
                            </a:path>
                          </a:pathLst>
                        </a:custGeom>
                        <ask:type>
                          <ask:lineSketchCurved/>
                        </ask:type>
                      </ask:lineSketchStyleProps>
                    </a:ext>
                  </a:extLst>
                </a:ln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17" name="TextBox 16">
                  <a:extLst>
                    <a:ext uri="{FF2B5EF4-FFF2-40B4-BE49-F238E27FC236}">
                      <a16:creationId xmlns:a16="http://schemas.microsoft.com/office/drawing/2014/main" id="{D831044F-5A47-2ACD-1192-C576653F16E7}"/>
                    </a:ext>
                  </a:extLst>
                </p:cNvPr>
                <p:cNvSpPr txBox="1"/>
                <p:nvPr/>
              </p:nvSpPr>
              <p:spPr>
                <a:xfrm>
                  <a:off x="7035856" y="4229622"/>
                  <a:ext cx="2832154" cy="1200329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sz="3600" dirty="0">
                      <a:solidFill>
                        <a:srgbClr val="00B050"/>
                      </a:solidFill>
                    </a:rPr>
                    <a:t>rhino = rhino</a:t>
                  </a:r>
                  <a:r>
                    <a:rPr lang="en-US" sz="3600" dirty="0"/>
                    <a:t>ceros</a:t>
                  </a:r>
                </a:p>
              </p:txBody>
            </p:sp>
          </p:grpSp>
          <p:grpSp>
            <p:nvGrpSpPr>
              <p:cNvPr id="11" name="Group 10">
                <a:extLst>
                  <a:ext uri="{FF2B5EF4-FFF2-40B4-BE49-F238E27FC236}">
                    <a16:creationId xmlns:a16="http://schemas.microsoft.com/office/drawing/2014/main" id="{7D0C3BAA-C33A-BE14-2B17-966DFC7B04F6}"/>
                  </a:ext>
                </a:extLst>
              </p:cNvPr>
              <p:cNvGrpSpPr/>
              <p:nvPr/>
            </p:nvGrpSpPr>
            <p:grpSpPr>
              <a:xfrm>
                <a:off x="5463403" y="4998936"/>
                <a:ext cx="2921000" cy="461665"/>
                <a:chOff x="5463403" y="4998936"/>
                <a:chExt cx="2921000" cy="461665"/>
              </a:xfrm>
            </p:grpSpPr>
            <p:sp>
              <p:nvSpPr>
                <p:cNvPr id="12" name="Arrow: Pentagon 11">
                  <a:extLst>
                    <a:ext uri="{FF2B5EF4-FFF2-40B4-BE49-F238E27FC236}">
                      <a16:creationId xmlns:a16="http://schemas.microsoft.com/office/drawing/2014/main" id="{DAFDC85F-FF4C-8EBB-687C-E7F2CAEF6283}"/>
                    </a:ext>
                  </a:extLst>
                </p:cNvPr>
                <p:cNvSpPr/>
                <p:nvPr/>
              </p:nvSpPr>
              <p:spPr>
                <a:xfrm>
                  <a:off x="5463403" y="5035550"/>
                  <a:ext cx="2921000" cy="407097"/>
                </a:xfrm>
                <a:prstGeom prst="homePlate">
                  <a:avLst/>
                </a:prstGeom>
                <a:solidFill>
                  <a:srgbClr val="00B050"/>
                </a:solidFill>
                <a:ln>
                  <a:solidFill>
                    <a:srgbClr val="00B050"/>
                  </a:solidFill>
                </a:ln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13" name="TextBox 12">
                  <a:extLst>
                    <a:ext uri="{FF2B5EF4-FFF2-40B4-BE49-F238E27FC236}">
                      <a16:creationId xmlns:a16="http://schemas.microsoft.com/office/drawing/2014/main" id="{3C46F23E-6173-8C09-B824-4956FBC1500A}"/>
                    </a:ext>
                  </a:extLst>
                </p:cNvPr>
                <p:cNvSpPr txBox="1"/>
                <p:nvPr/>
              </p:nvSpPr>
              <p:spPr>
                <a:xfrm>
                  <a:off x="5556990" y="4998936"/>
                  <a:ext cx="2827413" cy="46166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sz="2400">
                      <a:solidFill>
                        <a:schemeClr val="bg1"/>
                      </a:solidFill>
                      <a:latin typeface="Aptos Black" panose="020B0004020202020204" pitchFamily="34" charset="0"/>
                    </a:rPr>
                    <a:t>We can also say:</a:t>
                  </a:r>
                </a:p>
              </p:txBody>
            </p:sp>
          </p:grpSp>
        </p:grpSp>
        <p:pic>
          <p:nvPicPr>
            <p:cNvPr id="19" name="Picture 18">
              <a:extLst>
                <a:ext uri="{FF2B5EF4-FFF2-40B4-BE49-F238E27FC236}">
                  <a16:creationId xmlns:a16="http://schemas.microsoft.com/office/drawing/2014/main" id="{6210B0A4-D8EB-604E-6651-D6E81F36A38D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BEBA8EAE-BF5A-486C-A8C5-ECC9F3942E4B}">
                  <a14:imgProps xmlns:a14="http://schemas.microsoft.com/office/drawing/2010/main">
                    <a14:imgLayer r:embed="rId10">
                      <a14:imgEffect>
                        <a14:backgroundRemoval t="9938" b="93168" l="8065" r="94839">
                          <a14:foregroundMark x1="8387" y1="54658" x2="23226" y2="62112"/>
                          <a14:foregroundMark x1="18710" y1="45342" x2="25806" y2="56522"/>
                          <a14:foregroundMark x1="25161" y1="23602" x2="29355" y2="29814"/>
                          <a14:foregroundMark x1="52258" y1="11801" x2="43226" y2="19876"/>
                          <a14:foregroundMark x1="42903" y1="84472" x2="39355" y2="89441"/>
                          <a14:foregroundMark x1="55161" y1="91304" x2="54516" y2="93168"/>
                          <a14:foregroundMark x1="89355" y1="48447" x2="89032" y2="66460"/>
                          <a14:foregroundMark x1="94839" y1="42857" x2="93871" y2="53416"/>
                          <a14:foregroundMark x1="89677" y1="92547" x2="85806" y2="92547"/>
                        </a14:backgroundRemoval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2078349" y="3846039"/>
              <a:ext cx="2102075" cy="1091723"/>
            </a:xfrm>
            <a:prstGeom prst="rect">
              <a:avLst/>
            </a:prstGeom>
          </p:spPr>
        </p:pic>
      </p:grpSp>
      <p:sp>
        <p:nvSpPr>
          <p:cNvPr id="21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4BCB49E7-E2E8-CC6D-32BF-1A4A0917D064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22" name="Shape 45">
            <a:hlinkClick r:id="rId12" action="ppaction://hlinksldjump"/>
            <a:extLst>
              <a:ext uri="{FF2B5EF4-FFF2-40B4-BE49-F238E27FC236}">
                <a16:creationId xmlns:a16="http://schemas.microsoft.com/office/drawing/2014/main" id="{E09DF289-B136-FCF6-7023-FD1CCFD21981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6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32F0C950-8CBE-18C6-F15D-FB722920ACAB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8837" end="20560.4285"/>
                </p14:media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-654050" y="2008188"/>
            <a:ext cx="406400" cy="406400"/>
          </a:xfrm>
          <a:prstGeom prst="rect">
            <a:avLst/>
          </a:prstGeom>
        </p:spPr>
      </p:pic>
      <p:pic>
        <p:nvPicPr>
          <p:cNvPr id="8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90B04FB5-C33A-99F1-B715-F69C399A2F3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31724" end="17222.4285"/>
                </p14:media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-672928" y="2946797"/>
            <a:ext cx="406400" cy="406400"/>
          </a:xfrm>
          <a:prstGeom prst="rect">
            <a:avLst/>
          </a:prstGeom>
        </p:spPr>
      </p:pic>
      <p:pic>
        <p:nvPicPr>
          <p:cNvPr id="9" name="audio button">
            <a:extLst>
              <a:ext uri="{FF2B5EF4-FFF2-40B4-BE49-F238E27FC236}">
                <a16:creationId xmlns:a16="http://schemas.microsoft.com/office/drawing/2014/main" id="{22875C19-E055-6D58-FBB5-977D5CC6E0F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0303" y="2882599"/>
            <a:ext cx="490537" cy="464719"/>
          </a:xfrm>
          <a:prstGeom prst="rect">
            <a:avLst/>
          </a:prstGeom>
        </p:spPr>
      </p:pic>
      <p:pic>
        <p:nvPicPr>
          <p:cNvPr id="10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DC0AE391-11F2-DB4F-D4D7-815112CCE92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35988" end="13224.4285"/>
                </p14:media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-681062" y="4443413"/>
            <a:ext cx="406400" cy="406400"/>
          </a:xfrm>
          <a:prstGeom prst="rect">
            <a:avLst/>
          </a:prstGeom>
        </p:spPr>
      </p:pic>
      <p:pic>
        <p:nvPicPr>
          <p:cNvPr id="18" name="audio button">
            <a:extLst>
              <a:ext uri="{FF2B5EF4-FFF2-40B4-BE49-F238E27FC236}">
                <a16:creationId xmlns:a16="http://schemas.microsoft.com/office/drawing/2014/main" id="{EA57A425-0919-24F8-74C9-578397A19ED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0303" y="4414253"/>
            <a:ext cx="490537" cy="46471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15558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3814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1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4265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80000">
                <p:cTn id="2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6" dur="3999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85C33AC-6F10-4544-78A2-B774251FA38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18">
            <a:extLst>
              <a:ext uri="{FF2B5EF4-FFF2-40B4-BE49-F238E27FC236}">
                <a16:creationId xmlns:a16="http://schemas.microsoft.com/office/drawing/2014/main" id="{41F5CCA0-AECA-A521-801B-5BB3F58A65FE}"/>
              </a:ext>
            </a:extLst>
          </p:cNvPr>
          <p:cNvSpPr/>
          <p:nvPr/>
        </p:nvSpPr>
        <p:spPr>
          <a:xfrm>
            <a:off x="2165685" y="2581459"/>
            <a:ext cx="7517330" cy="1259022"/>
          </a:xfrm>
          <a:prstGeom prst="rect">
            <a:avLst/>
          </a:prstGeom>
          <a:solidFill>
            <a:schemeClr val="bg1"/>
          </a:solidFill>
          <a:ln w="571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kumimoji="0" lang="en-US" altLang="zh-HK" sz="6000" b="1" dirty="0">
                <a:solidFill>
                  <a:srgbClr val="0070C0"/>
                </a:solidFill>
              </a:rPr>
              <a:t>Body parts</a:t>
            </a:r>
          </a:p>
        </p:txBody>
      </p:sp>
      <p:pic>
        <p:nvPicPr>
          <p:cNvPr id="28" name="audio button">
            <a:extLst>
              <a:ext uri="{FF2B5EF4-FFF2-40B4-BE49-F238E27FC236}">
                <a16:creationId xmlns:a16="http://schemas.microsoft.com/office/drawing/2014/main" id="{8DF8BDA7-2C40-97C9-D5E0-F3F9494E5838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49229" y="3011842"/>
            <a:ext cx="490537" cy="464719"/>
          </a:xfrm>
          <a:prstGeom prst="rect">
            <a:avLst/>
          </a:prstGeom>
        </p:spPr>
      </p:pic>
      <p:sp>
        <p:nvSpPr>
          <p:cNvPr id="6" name="Shape 45">
            <a:hlinkClick r:id="rId8" action="ppaction://hlinksldjump"/>
            <a:extLst>
              <a:ext uri="{FF2B5EF4-FFF2-40B4-BE49-F238E27FC236}">
                <a16:creationId xmlns:a16="http://schemas.microsoft.com/office/drawing/2014/main" id="{C8F8F495-6569-E713-86E3-3C38226AB73C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7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BD5731B2-434B-38E8-9450-8BE5CB2F8DB1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8D29A908-6B9E-B668-83B0-492B81D36AC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0100" end="11143.4285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640422" y="3070161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914733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96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8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3335CDE1-585A-AC92-487D-ECE83EDED089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066892" y="1638050"/>
            <a:ext cx="4058216" cy="3581900"/>
          </a:xfrm>
          <a:prstGeom prst="round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7209663B-9C48-CF26-047E-CE20995AC25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841130" y="1955999"/>
            <a:ext cx="490537" cy="464719"/>
          </a:xfrm>
          <a:prstGeom prst="rect">
            <a:avLst/>
          </a:prstGeom>
        </p:spPr>
      </p:pic>
      <p:grpSp>
        <p:nvGrpSpPr>
          <p:cNvPr id="15" name="Group 14">
            <a:extLst>
              <a:ext uri="{FF2B5EF4-FFF2-40B4-BE49-F238E27FC236}">
                <a16:creationId xmlns:a16="http://schemas.microsoft.com/office/drawing/2014/main" id="{E393541E-982C-D862-A9DB-0D14682C0660}"/>
              </a:ext>
            </a:extLst>
          </p:cNvPr>
          <p:cNvGrpSpPr/>
          <p:nvPr/>
        </p:nvGrpSpPr>
        <p:grpSpPr>
          <a:xfrm>
            <a:off x="1104203" y="1381124"/>
            <a:ext cx="4529410" cy="3969906"/>
            <a:chOff x="1104203" y="1381124"/>
            <a:chExt cx="4529410" cy="3969906"/>
          </a:xfrm>
        </p:grpSpPr>
        <p:grpSp>
          <p:nvGrpSpPr>
            <p:cNvPr id="13" name="Group 12">
              <a:extLst>
                <a:ext uri="{FF2B5EF4-FFF2-40B4-BE49-F238E27FC236}">
                  <a16:creationId xmlns:a16="http://schemas.microsoft.com/office/drawing/2014/main" id="{9287B257-2F31-5B61-728B-69735BE1C897}"/>
                </a:ext>
              </a:extLst>
            </p:cNvPr>
            <p:cNvGrpSpPr/>
            <p:nvPr/>
          </p:nvGrpSpPr>
          <p:grpSpPr>
            <a:xfrm>
              <a:off x="1104203" y="1381124"/>
              <a:ext cx="2524822" cy="3969906"/>
              <a:chOff x="1104203" y="1381124"/>
              <a:chExt cx="2524822" cy="3969906"/>
            </a:xfrm>
          </p:grpSpPr>
          <p:pic>
            <p:nvPicPr>
              <p:cNvPr id="7" name="Picture 6">
                <a:extLst>
                  <a:ext uri="{FF2B5EF4-FFF2-40B4-BE49-F238E27FC236}">
                    <a16:creationId xmlns:a16="http://schemas.microsoft.com/office/drawing/2014/main" id="{8C6DCC2C-317F-AE7B-597F-FDE27607515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9"/>
              <a:srcRect t="32710" r="70060" b="16974"/>
              <a:stretch/>
            </p:blipFill>
            <p:spPr>
              <a:xfrm>
                <a:off x="1104203" y="1381124"/>
                <a:ext cx="2524822" cy="3969906"/>
              </a:xfrm>
              <a:prstGeom prst="rect">
                <a:avLst/>
              </a:prstGeom>
            </p:spPr>
          </p:pic>
          <p:sp>
            <p:nvSpPr>
              <p:cNvPr id="12" name="Freeform: Shape 11">
                <a:extLst>
                  <a:ext uri="{FF2B5EF4-FFF2-40B4-BE49-F238E27FC236}">
                    <a16:creationId xmlns:a16="http://schemas.microsoft.com/office/drawing/2014/main" id="{AA2F57D1-CB97-62A9-751E-614238CCC755}"/>
                  </a:ext>
                </a:extLst>
              </p:cNvPr>
              <p:cNvSpPr/>
              <p:nvPr/>
            </p:nvSpPr>
            <p:spPr>
              <a:xfrm>
                <a:off x="1684020" y="1402080"/>
                <a:ext cx="1402080" cy="3208020"/>
              </a:xfrm>
              <a:custGeom>
                <a:avLst/>
                <a:gdLst>
                  <a:gd name="connsiteX0" fmla="*/ 1402080 w 1402080"/>
                  <a:gd name="connsiteY0" fmla="*/ 0 h 3208020"/>
                  <a:gd name="connsiteX1" fmla="*/ 1143000 w 1402080"/>
                  <a:gd name="connsiteY1" fmla="*/ 297180 h 3208020"/>
                  <a:gd name="connsiteX2" fmla="*/ 868680 w 1402080"/>
                  <a:gd name="connsiteY2" fmla="*/ 1409700 h 3208020"/>
                  <a:gd name="connsiteX3" fmla="*/ 670560 w 1402080"/>
                  <a:gd name="connsiteY3" fmla="*/ 1973580 h 3208020"/>
                  <a:gd name="connsiteX4" fmla="*/ 243840 w 1402080"/>
                  <a:gd name="connsiteY4" fmla="*/ 2560320 h 3208020"/>
                  <a:gd name="connsiteX5" fmla="*/ 0 w 1402080"/>
                  <a:gd name="connsiteY5" fmla="*/ 2994660 h 3208020"/>
                  <a:gd name="connsiteX6" fmla="*/ 76200 w 1402080"/>
                  <a:gd name="connsiteY6" fmla="*/ 3208020 h 3208020"/>
                  <a:gd name="connsiteX7" fmla="*/ 350520 w 1402080"/>
                  <a:gd name="connsiteY7" fmla="*/ 3147060 h 3208020"/>
                  <a:gd name="connsiteX8" fmla="*/ 388620 w 1402080"/>
                  <a:gd name="connsiteY8" fmla="*/ 2887980 h 3208020"/>
                  <a:gd name="connsiteX9" fmla="*/ 868680 w 1402080"/>
                  <a:gd name="connsiteY9" fmla="*/ 2301240 h 3208020"/>
                  <a:gd name="connsiteX10" fmla="*/ 1112520 w 1402080"/>
                  <a:gd name="connsiteY10" fmla="*/ 1927860 h 3208020"/>
                  <a:gd name="connsiteX11" fmla="*/ 1226820 w 1402080"/>
                  <a:gd name="connsiteY11" fmla="*/ 1447800 h 3208020"/>
                  <a:gd name="connsiteX12" fmla="*/ 1318260 w 1402080"/>
                  <a:gd name="connsiteY12" fmla="*/ 960120 h 3208020"/>
                  <a:gd name="connsiteX13" fmla="*/ 1402080 w 1402080"/>
                  <a:gd name="connsiteY13" fmla="*/ 0 h 320802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  <a:cxn ang="0">
                    <a:pos x="connsiteX13" y="connsiteY13"/>
                  </a:cxn>
                </a:cxnLst>
                <a:rect l="l" t="t" r="r" b="b"/>
                <a:pathLst>
                  <a:path w="1402080" h="3208020">
                    <a:moveTo>
                      <a:pt x="1402080" y="0"/>
                    </a:moveTo>
                    <a:lnTo>
                      <a:pt x="1143000" y="297180"/>
                    </a:lnTo>
                    <a:lnTo>
                      <a:pt x="868680" y="1409700"/>
                    </a:lnTo>
                    <a:lnTo>
                      <a:pt x="670560" y="1973580"/>
                    </a:lnTo>
                    <a:lnTo>
                      <a:pt x="243840" y="2560320"/>
                    </a:lnTo>
                    <a:lnTo>
                      <a:pt x="0" y="2994660"/>
                    </a:lnTo>
                    <a:lnTo>
                      <a:pt x="76200" y="3208020"/>
                    </a:lnTo>
                    <a:lnTo>
                      <a:pt x="350520" y="3147060"/>
                    </a:lnTo>
                    <a:lnTo>
                      <a:pt x="388620" y="2887980"/>
                    </a:lnTo>
                    <a:lnTo>
                      <a:pt x="868680" y="2301240"/>
                    </a:lnTo>
                    <a:lnTo>
                      <a:pt x="1112520" y="1927860"/>
                    </a:lnTo>
                    <a:lnTo>
                      <a:pt x="1226820" y="1447800"/>
                    </a:lnTo>
                    <a:lnTo>
                      <a:pt x="1318260" y="960120"/>
                    </a:lnTo>
                    <a:lnTo>
                      <a:pt x="1402080" y="0"/>
                    </a:lnTo>
                    <a:close/>
                  </a:path>
                </a:pathLst>
              </a:custGeom>
              <a:noFill/>
              <a:ln w="38100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</p:grpSp>
        <p:sp>
          <p:nvSpPr>
            <p:cNvPr id="14" name="Isosceles Triangle 13">
              <a:extLst>
                <a:ext uri="{FF2B5EF4-FFF2-40B4-BE49-F238E27FC236}">
                  <a16:creationId xmlns:a16="http://schemas.microsoft.com/office/drawing/2014/main" id="{B249F46A-9D1C-3083-E7BD-4068A833C591}"/>
                </a:ext>
              </a:extLst>
            </p:cNvPr>
            <p:cNvSpPr/>
            <p:nvPr/>
          </p:nvSpPr>
          <p:spPr>
            <a:xfrm rot="6303928">
              <a:off x="4084176" y="1992324"/>
              <a:ext cx="292610" cy="2806265"/>
            </a:xfrm>
            <a:prstGeom prst="triangle">
              <a:avLst/>
            </a:prstGeom>
            <a:solidFill>
              <a:srgbClr val="FF0000"/>
            </a:solidFill>
            <a:ln>
              <a:solidFill>
                <a:srgbClr val="FF000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16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07702C00-F75D-D48A-1292-7BC52B716205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87962BA0-7150-8A68-4283-7058FC140A8C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5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E6B1A9CE-E823-8BDC-9BB1-672C3A411F2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2067" end="8768.4285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640422" y="3070161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4095916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376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E0734230-3658-5A39-CF73-2C33AA875CE8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 l="666"/>
          <a:stretch/>
        </p:blipFill>
        <p:spPr>
          <a:xfrm>
            <a:off x="4225491" y="1256997"/>
            <a:ext cx="3766248" cy="4344006"/>
          </a:xfrm>
          <a:prstGeom prst="rect">
            <a:avLst/>
          </a:prstGeom>
        </p:spPr>
      </p:pic>
      <p:pic>
        <p:nvPicPr>
          <p:cNvPr id="2" name="audio button 2">
            <a:extLst>
              <a:ext uri="{FF2B5EF4-FFF2-40B4-BE49-F238E27FC236}">
                <a16:creationId xmlns:a16="http://schemas.microsoft.com/office/drawing/2014/main" id="{AB1EE039-5F90-AE88-75A1-FD9E8BCD91B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723570" y="1614526"/>
            <a:ext cx="490537" cy="464719"/>
          </a:xfrm>
          <a:prstGeom prst="rect">
            <a:avLst/>
          </a:prstGeom>
        </p:spPr>
      </p:pic>
      <p:sp>
        <p:nvSpPr>
          <p:cNvPr id="5" name="Rectangle 4">
            <a:extLst>
              <a:ext uri="{FF2B5EF4-FFF2-40B4-BE49-F238E27FC236}">
                <a16:creationId xmlns:a16="http://schemas.microsoft.com/office/drawing/2014/main" id="{23E86E6F-25B6-1405-8C0D-FE1D589C3FFB}"/>
              </a:ext>
            </a:extLst>
          </p:cNvPr>
          <p:cNvSpPr/>
          <p:nvPr/>
        </p:nvSpPr>
        <p:spPr>
          <a:xfrm>
            <a:off x="3830855" y="2598821"/>
            <a:ext cx="1001027" cy="1491916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BDF1632A-CCCD-AE1B-0F39-2ACE7B6478F0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0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31CE02F5-61B8-3379-4669-67D9EE4D2154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7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5ECF807C-BD09-86DB-0BDF-CFB94BAB9B6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4442" end="5911.4285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548982" y="2566202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014866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858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98648FD-7501-DB37-F729-A13BE60AD85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E8148E72-CE7A-D919-D82C-5FCA2D404907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043076" y="1585655"/>
            <a:ext cx="4105848" cy="3686689"/>
          </a:xfrm>
          <a:prstGeom prst="rect">
            <a:avLst/>
          </a:prstGeom>
        </p:spPr>
      </p:pic>
      <p:sp>
        <p:nvSpPr>
          <p:cNvPr id="5" name="Rectangle 4">
            <a:extLst>
              <a:ext uri="{FF2B5EF4-FFF2-40B4-BE49-F238E27FC236}">
                <a16:creationId xmlns:a16="http://schemas.microsoft.com/office/drawing/2014/main" id="{54873558-A6E4-9F4E-9972-0654120A207D}"/>
              </a:ext>
            </a:extLst>
          </p:cNvPr>
          <p:cNvSpPr/>
          <p:nvPr/>
        </p:nvSpPr>
        <p:spPr>
          <a:xfrm>
            <a:off x="7748337" y="3089708"/>
            <a:ext cx="1001027" cy="218493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" name="audio button">
            <a:extLst>
              <a:ext uri="{FF2B5EF4-FFF2-40B4-BE49-F238E27FC236}">
                <a16:creationId xmlns:a16="http://schemas.microsoft.com/office/drawing/2014/main" id="{7CD563A3-D3FA-A84D-BC64-C61F55C5763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5916137" y="1691265"/>
            <a:ext cx="490537" cy="464719"/>
          </a:xfrm>
          <a:prstGeom prst="rect">
            <a:avLst/>
          </a:prstGeom>
        </p:spPr>
      </p:pic>
      <p:sp>
        <p:nvSpPr>
          <p:cNvPr id="7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17DD5112-EE03-854E-857B-7DA6A48A637D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1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A6159F5F-C1F8-7271-61F3-2911215CBF1E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3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B32B5D9E-4EAD-4633-7ECC-6AA42375312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7299" end="3208.4285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548982" y="2566202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06038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704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79046637-4FC3-8B39-623F-B595BBCA3FF5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266944" y="1623760"/>
            <a:ext cx="3658111" cy="3610479"/>
          </a:xfrm>
          <a:prstGeom prst="rect">
            <a:avLst/>
          </a:prstGeom>
        </p:spPr>
      </p:pic>
      <p:pic>
        <p:nvPicPr>
          <p:cNvPr id="2" name="audio button">
            <a:extLst>
              <a:ext uri="{FF2B5EF4-FFF2-40B4-BE49-F238E27FC236}">
                <a16:creationId xmlns:a16="http://schemas.microsoft.com/office/drawing/2014/main" id="{9FB510DD-1469-AD74-9438-1ED72F1924A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5128352" y="1976893"/>
            <a:ext cx="490537" cy="464719"/>
          </a:xfrm>
          <a:prstGeom prst="rect">
            <a:avLst/>
          </a:prstGeom>
        </p:spPr>
      </p:pic>
      <p:sp>
        <p:nvSpPr>
          <p:cNvPr id="5" name="Rectangle 4">
            <a:extLst>
              <a:ext uri="{FF2B5EF4-FFF2-40B4-BE49-F238E27FC236}">
                <a16:creationId xmlns:a16="http://schemas.microsoft.com/office/drawing/2014/main" id="{D788E7F2-BA35-9995-2B59-BD927288DFC4}"/>
              </a:ext>
            </a:extLst>
          </p:cNvPr>
          <p:cNvSpPr/>
          <p:nvPr/>
        </p:nvSpPr>
        <p:spPr>
          <a:xfrm>
            <a:off x="3590223" y="847022"/>
            <a:ext cx="1001027" cy="218493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DEA9D50C-564A-834E-0254-44BEFC7E7769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 l="62106" b="58542"/>
          <a:stretch/>
        </p:blipFill>
        <p:spPr>
          <a:xfrm>
            <a:off x="8061960" y="1405425"/>
            <a:ext cx="2887980" cy="2189364"/>
          </a:xfrm>
          <a:prstGeom prst="rect">
            <a:avLst/>
          </a:prstGeom>
        </p:spPr>
      </p:pic>
      <p:sp>
        <p:nvSpPr>
          <p:cNvPr id="11" name="Freeform: Shape 10">
            <a:extLst>
              <a:ext uri="{FF2B5EF4-FFF2-40B4-BE49-F238E27FC236}">
                <a16:creationId xmlns:a16="http://schemas.microsoft.com/office/drawing/2014/main" id="{5E7A4ABB-2620-482B-8FD3-A8302B22C576}"/>
              </a:ext>
            </a:extLst>
          </p:cNvPr>
          <p:cNvSpPr/>
          <p:nvPr/>
        </p:nvSpPr>
        <p:spPr>
          <a:xfrm>
            <a:off x="8244840" y="1691640"/>
            <a:ext cx="2385060" cy="1402080"/>
          </a:xfrm>
          <a:custGeom>
            <a:avLst/>
            <a:gdLst>
              <a:gd name="connsiteX0" fmla="*/ 914400 w 2385060"/>
              <a:gd name="connsiteY0" fmla="*/ 1242060 h 1402080"/>
              <a:gd name="connsiteX1" fmla="*/ 198120 w 2385060"/>
              <a:gd name="connsiteY1" fmla="*/ 1082040 h 1402080"/>
              <a:gd name="connsiteX2" fmla="*/ 7620 w 2385060"/>
              <a:gd name="connsiteY2" fmla="*/ 853440 h 1402080"/>
              <a:gd name="connsiteX3" fmla="*/ 0 w 2385060"/>
              <a:gd name="connsiteY3" fmla="*/ 609600 h 1402080"/>
              <a:gd name="connsiteX4" fmla="*/ 91440 w 2385060"/>
              <a:gd name="connsiteY4" fmla="*/ 449580 h 1402080"/>
              <a:gd name="connsiteX5" fmla="*/ 594360 w 2385060"/>
              <a:gd name="connsiteY5" fmla="*/ 0 h 1402080"/>
              <a:gd name="connsiteX6" fmla="*/ 419100 w 2385060"/>
              <a:gd name="connsiteY6" fmla="*/ 441960 h 1402080"/>
              <a:gd name="connsiteX7" fmla="*/ 670560 w 2385060"/>
              <a:gd name="connsiteY7" fmla="*/ 723900 h 1402080"/>
              <a:gd name="connsiteX8" fmla="*/ 899160 w 2385060"/>
              <a:gd name="connsiteY8" fmla="*/ 899160 h 1402080"/>
              <a:gd name="connsiteX9" fmla="*/ 1150620 w 2385060"/>
              <a:gd name="connsiteY9" fmla="*/ 899160 h 1402080"/>
              <a:gd name="connsiteX10" fmla="*/ 1584960 w 2385060"/>
              <a:gd name="connsiteY10" fmla="*/ 899160 h 1402080"/>
              <a:gd name="connsiteX11" fmla="*/ 1783080 w 2385060"/>
              <a:gd name="connsiteY11" fmla="*/ 922020 h 1402080"/>
              <a:gd name="connsiteX12" fmla="*/ 1844040 w 2385060"/>
              <a:gd name="connsiteY12" fmla="*/ 861060 h 1402080"/>
              <a:gd name="connsiteX13" fmla="*/ 1798320 w 2385060"/>
              <a:gd name="connsiteY13" fmla="*/ 685800 h 1402080"/>
              <a:gd name="connsiteX14" fmla="*/ 1607820 w 2385060"/>
              <a:gd name="connsiteY14" fmla="*/ 213360 h 1402080"/>
              <a:gd name="connsiteX15" fmla="*/ 2095500 w 2385060"/>
              <a:gd name="connsiteY15" fmla="*/ 396240 h 1402080"/>
              <a:gd name="connsiteX16" fmla="*/ 2385060 w 2385060"/>
              <a:gd name="connsiteY16" fmla="*/ 1013460 h 1402080"/>
              <a:gd name="connsiteX17" fmla="*/ 2316480 w 2385060"/>
              <a:gd name="connsiteY17" fmla="*/ 1196340 h 1402080"/>
              <a:gd name="connsiteX18" fmla="*/ 2156460 w 2385060"/>
              <a:gd name="connsiteY18" fmla="*/ 1363980 h 1402080"/>
              <a:gd name="connsiteX19" fmla="*/ 1783080 w 2385060"/>
              <a:gd name="connsiteY19" fmla="*/ 1402080 h 1402080"/>
              <a:gd name="connsiteX20" fmla="*/ 1607820 w 2385060"/>
              <a:gd name="connsiteY20" fmla="*/ 1226820 h 1402080"/>
              <a:gd name="connsiteX21" fmla="*/ 815340 w 2385060"/>
              <a:gd name="connsiteY21" fmla="*/ 1242060 h 1402080"/>
              <a:gd name="connsiteX22" fmla="*/ 411480 w 2385060"/>
              <a:gd name="connsiteY22" fmla="*/ 1127760 h 140208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</a:cxnLst>
            <a:rect l="l" t="t" r="r" b="b"/>
            <a:pathLst>
              <a:path w="2385060" h="1402080">
                <a:moveTo>
                  <a:pt x="914400" y="1242060"/>
                </a:moveTo>
                <a:lnTo>
                  <a:pt x="198120" y="1082040"/>
                </a:lnTo>
                <a:lnTo>
                  <a:pt x="7620" y="853440"/>
                </a:lnTo>
                <a:lnTo>
                  <a:pt x="0" y="609600"/>
                </a:lnTo>
                <a:lnTo>
                  <a:pt x="91440" y="449580"/>
                </a:lnTo>
                <a:lnTo>
                  <a:pt x="594360" y="0"/>
                </a:lnTo>
                <a:lnTo>
                  <a:pt x="419100" y="441960"/>
                </a:lnTo>
                <a:lnTo>
                  <a:pt x="670560" y="723900"/>
                </a:lnTo>
                <a:lnTo>
                  <a:pt x="899160" y="899160"/>
                </a:lnTo>
                <a:lnTo>
                  <a:pt x="1150620" y="899160"/>
                </a:lnTo>
                <a:lnTo>
                  <a:pt x="1584960" y="899160"/>
                </a:lnTo>
                <a:lnTo>
                  <a:pt x="1783080" y="922020"/>
                </a:lnTo>
                <a:lnTo>
                  <a:pt x="1844040" y="861060"/>
                </a:lnTo>
                <a:lnTo>
                  <a:pt x="1798320" y="685800"/>
                </a:lnTo>
                <a:lnTo>
                  <a:pt x="1607820" y="213360"/>
                </a:lnTo>
                <a:lnTo>
                  <a:pt x="2095500" y="396240"/>
                </a:lnTo>
                <a:lnTo>
                  <a:pt x="2385060" y="1013460"/>
                </a:lnTo>
                <a:lnTo>
                  <a:pt x="2316480" y="1196340"/>
                </a:lnTo>
                <a:lnTo>
                  <a:pt x="2156460" y="1363980"/>
                </a:lnTo>
                <a:lnTo>
                  <a:pt x="1783080" y="1402080"/>
                </a:lnTo>
                <a:lnTo>
                  <a:pt x="1607820" y="1226820"/>
                </a:lnTo>
                <a:lnTo>
                  <a:pt x="815340" y="1242060"/>
                </a:lnTo>
                <a:lnTo>
                  <a:pt x="411480" y="1127760"/>
                </a:lnTo>
              </a:path>
            </a:pathLst>
          </a:cu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Isosceles Triangle 11">
            <a:extLst>
              <a:ext uri="{FF2B5EF4-FFF2-40B4-BE49-F238E27FC236}">
                <a16:creationId xmlns:a16="http://schemas.microsoft.com/office/drawing/2014/main" id="{1B216F50-DCD3-13F4-762E-F83BEF956F1B}"/>
              </a:ext>
            </a:extLst>
          </p:cNvPr>
          <p:cNvSpPr/>
          <p:nvPr/>
        </p:nvSpPr>
        <p:spPr>
          <a:xfrm rot="14951464">
            <a:off x="7817648" y="2369378"/>
            <a:ext cx="118929" cy="1075801"/>
          </a:xfrm>
          <a:prstGeom prst="triangle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5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99980A70-B6D7-FE30-3E3F-DFDA7784C3E5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6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C6397D24-1591-87F1-CA24-DEFBB6510346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3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7286C58F-2D30-9AA1-523B-840DDD809C44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0002" end="0.4285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548982" y="2566202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651163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209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587CEF6D-8BD6-84C7-4245-2BF613BCCDB9}"/>
              </a:ext>
            </a:extLst>
          </p:cNvPr>
          <p:cNvSpPr/>
          <p:nvPr/>
        </p:nvSpPr>
        <p:spPr>
          <a:xfrm>
            <a:off x="949913" y="2132364"/>
            <a:ext cx="10385744" cy="1960664"/>
          </a:xfrm>
          <a:prstGeom prst="roundRect">
            <a:avLst>
              <a:gd name="adj" fmla="val 10438"/>
            </a:avLst>
          </a:prstGeom>
          <a:solidFill>
            <a:schemeClr val="bg1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矩形 18">
            <a:extLst>
              <a:ext uri="{FF2B5EF4-FFF2-40B4-BE49-F238E27FC236}">
                <a16:creationId xmlns:a16="http://schemas.microsoft.com/office/drawing/2014/main" id="{F923072E-C401-972C-D2D3-AEACAC5D42CD}"/>
              </a:ext>
            </a:extLst>
          </p:cNvPr>
          <p:cNvSpPr/>
          <p:nvPr/>
        </p:nvSpPr>
        <p:spPr>
          <a:xfrm>
            <a:off x="3428091" y="2469880"/>
            <a:ext cx="5007430" cy="1259022"/>
          </a:xfrm>
          <a:prstGeom prst="rect">
            <a:avLst/>
          </a:prstGeom>
          <a:noFill/>
          <a:ln w="571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altLang="zh-HK" sz="8000" b="1" dirty="0">
                <a:solidFill>
                  <a:srgbClr val="0070C0"/>
                </a:solidFill>
              </a:rPr>
              <a:t>Fun Quiz</a:t>
            </a:r>
            <a:endParaRPr kumimoji="0" lang="en-US" altLang="zh-HK" sz="8000" b="1" dirty="0">
              <a:solidFill>
                <a:srgbClr val="0070C0"/>
              </a:solidFill>
            </a:endParaRPr>
          </a:p>
        </p:txBody>
      </p:sp>
      <p:sp>
        <p:nvSpPr>
          <p:cNvPr id="2" name="Shape 45">
            <a:hlinkClick r:id="rId4" action="ppaction://hlinksldjump"/>
            <a:extLst>
              <a:ext uri="{FF2B5EF4-FFF2-40B4-BE49-F238E27FC236}">
                <a16:creationId xmlns:a16="http://schemas.microsoft.com/office/drawing/2014/main" id="{AB9F777D-FB8B-BA84-CC44-88952129B798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5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13319793-89D3-16C7-2C45-2A9DDF6831F3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43976388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B9EE391-A1D6-2198-A48C-BB7B93F6218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0" name="Picture 39">
            <a:extLst>
              <a:ext uri="{FF2B5EF4-FFF2-40B4-BE49-F238E27FC236}">
                <a16:creationId xmlns:a16="http://schemas.microsoft.com/office/drawing/2014/main" id="{FB608354-AB88-3611-3D5C-85CC30CDF2D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819242" y="1664018"/>
            <a:ext cx="2485902" cy="3619181"/>
          </a:xfrm>
          <a:prstGeom prst="rect">
            <a:avLst/>
          </a:prstGeom>
        </p:spPr>
      </p:pic>
      <p:sp>
        <p:nvSpPr>
          <p:cNvPr id="4" name="object 73">
            <a:extLst>
              <a:ext uri="{FF2B5EF4-FFF2-40B4-BE49-F238E27FC236}">
                <a16:creationId xmlns:a16="http://schemas.microsoft.com/office/drawing/2014/main" id="{2BCD5D0F-BA2D-B4FA-03A9-FFEEB3F87B38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22E44340-785E-DCCD-4623-5648CB6B1B2B}"/>
              </a:ext>
            </a:extLst>
          </p:cNvPr>
          <p:cNvSpPr txBox="1"/>
          <p:nvPr/>
        </p:nvSpPr>
        <p:spPr>
          <a:xfrm>
            <a:off x="1684283" y="-12855"/>
            <a:ext cx="882215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 algn="ctr">
              <a:tabLst>
                <a:tab pos="515938" algn="l"/>
              </a:tabLst>
            </a:pPr>
            <a:r>
              <a:rPr lang="en-US" sz="3600" b="1" dirty="0">
                <a:cs typeface="Arial" panose="020B0604020202020204" pitchFamily="34" charset="0"/>
              </a:rPr>
              <a:t>Can you guess the animal? Read the tips. Make your guess!</a:t>
            </a:r>
          </a:p>
        </p:txBody>
      </p:sp>
      <p:sp>
        <p:nvSpPr>
          <p:cNvPr id="2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FBBEBDC0-42DC-CD9A-BA1F-656487DBBC51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3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FB983C30-B502-EB4C-1067-3CBC111CB742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8FE368C9-E5EF-17C5-62CF-4CC49345D570}"/>
              </a:ext>
            </a:extLst>
          </p:cNvPr>
          <p:cNvSpPr/>
          <p:nvPr/>
        </p:nvSpPr>
        <p:spPr>
          <a:xfrm>
            <a:off x="723331" y="2251881"/>
            <a:ext cx="4135272" cy="627797"/>
          </a:xfrm>
          <a:prstGeom prst="roundRect">
            <a:avLst/>
          </a:prstGeom>
          <a:solidFill>
            <a:srgbClr val="00206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0D7CA73F-9487-33BD-4E75-2EFBE3D5DB5B}"/>
              </a:ext>
            </a:extLst>
          </p:cNvPr>
          <p:cNvSpPr txBox="1"/>
          <p:nvPr/>
        </p:nvSpPr>
        <p:spPr>
          <a:xfrm>
            <a:off x="955343" y="2292824"/>
            <a:ext cx="3739487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solidFill>
                  <a:schemeClr val="bg1"/>
                </a:solidFill>
              </a:rPr>
              <a:t>Click to read the tips.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F845969-6AA3-65D7-C82D-D78158D20326}"/>
              </a:ext>
            </a:extLst>
          </p:cNvPr>
          <p:cNvSpPr txBox="1"/>
          <p:nvPr/>
        </p:nvSpPr>
        <p:spPr>
          <a:xfrm>
            <a:off x="1842447" y="1542197"/>
            <a:ext cx="200622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b="1" dirty="0">
                <a:solidFill>
                  <a:srgbClr val="002060"/>
                </a:solidFill>
              </a:rPr>
              <a:t>Animal </a:t>
            </a:r>
            <a:r>
              <a:rPr lang="en-GB" sz="4000" b="1" dirty="0">
                <a:solidFill>
                  <a:srgbClr val="002060"/>
                </a:solidFill>
              </a:rPr>
              <a:t>1</a:t>
            </a:r>
          </a:p>
        </p:txBody>
      </p:sp>
      <p:grpSp>
        <p:nvGrpSpPr>
          <p:cNvPr id="11" name="Tip 1">
            <a:extLst>
              <a:ext uri="{FF2B5EF4-FFF2-40B4-BE49-F238E27FC236}">
                <a16:creationId xmlns:a16="http://schemas.microsoft.com/office/drawing/2014/main" id="{E77E60B8-CCFF-4DD4-4EEF-FC1FC56D0E37}"/>
              </a:ext>
            </a:extLst>
          </p:cNvPr>
          <p:cNvGrpSpPr/>
          <p:nvPr/>
        </p:nvGrpSpPr>
        <p:grpSpPr>
          <a:xfrm>
            <a:off x="2006221" y="3179928"/>
            <a:ext cx="1760561" cy="627797"/>
            <a:chOff x="2006221" y="3138985"/>
            <a:chExt cx="1760561" cy="627797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4935AA62-2386-94AE-27A4-3C07F6754AB8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07F6997A-E59F-DBA2-8572-75FA513E5A79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1</a:t>
              </a:r>
            </a:p>
          </p:txBody>
        </p:sp>
      </p:grpSp>
      <p:grpSp>
        <p:nvGrpSpPr>
          <p:cNvPr id="12" name="Tip 2">
            <a:extLst>
              <a:ext uri="{FF2B5EF4-FFF2-40B4-BE49-F238E27FC236}">
                <a16:creationId xmlns:a16="http://schemas.microsoft.com/office/drawing/2014/main" id="{0C77C171-E195-C01C-976F-7FEF8123BBA7}"/>
              </a:ext>
            </a:extLst>
          </p:cNvPr>
          <p:cNvGrpSpPr/>
          <p:nvPr/>
        </p:nvGrpSpPr>
        <p:grpSpPr>
          <a:xfrm>
            <a:off x="2006221" y="4039737"/>
            <a:ext cx="1760561" cy="627797"/>
            <a:chOff x="2006221" y="3138985"/>
            <a:chExt cx="1760561" cy="627797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A3560CBC-F1D9-983A-AF20-8F653701BE05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9F5A31A9-DA81-16AF-F36F-80B5115BACB0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2</a:t>
              </a:r>
            </a:p>
          </p:txBody>
        </p:sp>
      </p:grpSp>
      <p:grpSp>
        <p:nvGrpSpPr>
          <p:cNvPr id="15" name="Tip 3">
            <a:extLst>
              <a:ext uri="{FF2B5EF4-FFF2-40B4-BE49-F238E27FC236}">
                <a16:creationId xmlns:a16="http://schemas.microsoft.com/office/drawing/2014/main" id="{5D6754FA-56FC-0279-CE5B-74D78C79D6CD}"/>
              </a:ext>
            </a:extLst>
          </p:cNvPr>
          <p:cNvGrpSpPr/>
          <p:nvPr/>
        </p:nvGrpSpPr>
        <p:grpSpPr>
          <a:xfrm>
            <a:off x="2006221" y="4899546"/>
            <a:ext cx="1760561" cy="627797"/>
            <a:chOff x="2006221" y="3138985"/>
            <a:chExt cx="1760561" cy="627797"/>
          </a:xfrm>
        </p:grpSpPr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28A9B33C-7A52-EB3F-2A02-BA99D88A057C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071C4065-9878-5B2D-9152-051423E24BDE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3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15177441-F322-0FDD-EF3A-0565D2D89E41}"/>
              </a:ext>
            </a:extLst>
          </p:cNvPr>
          <p:cNvGrpSpPr/>
          <p:nvPr/>
        </p:nvGrpSpPr>
        <p:grpSpPr>
          <a:xfrm>
            <a:off x="642316" y="3170303"/>
            <a:ext cx="4926843" cy="627797"/>
            <a:chOff x="2006220" y="3138985"/>
            <a:chExt cx="4926843" cy="627797"/>
          </a:xfrm>
        </p:grpSpPr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0E3DD0C0-5860-AD52-705E-4D9BFB0A6399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B7B4352C-48F9-FFD9-A7B0-09BAD0470E15}"/>
                </a:ext>
              </a:extLst>
            </p:cNvPr>
            <p:cNvSpPr txBox="1"/>
            <p:nvPr/>
          </p:nvSpPr>
          <p:spPr>
            <a:xfrm>
              <a:off x="2210937" y="3152632"/>
              <a:ext cx="4722126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yellow and brown.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E1EDDB51-B0FD-0400-51EB-1C9002AE52CB}"/>
              </a:ext>
            </a:extLst>
          </p:cNvPr>
          <p:cNvGrpSpPr/>
          <p:nvPr/>
        </p:nvGrpSpPr>
        <p:grpSpPr>
          <a:xfrm>
            <a:off x="655964" y="4030112"/>
            <a:ext cx="4299045" cy="627797"/>
            <a:chOff x="2006220" y="3138985"/>
            <a:chExt cx="4299045" cy="627797"/>
          </a:xfrm>
        </p:grpSpPr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E1F84BAD-46A0-FAE4-6066-22B20C6F46DD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7E199E8E-E607-A7FD-656A-997127C6E9CD}"/>
                </a:ext>
              </a:extLst>
            </p:cNvPr>
            <p:cNvSpPr txBox="1"/>
            <p:nvPr/>
          </p:nvSpPr>
          <p:spPr>
            <a:xfrm>
              <a:off x="2947916" y="3152632"/>
              <a:ext cx="2620371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eats leaves.</a:t>
              </a:r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CF6D132D-4565-363E-E78D-D4C32C5D6E3B}"/>
              </a:ext>
            </a:extLst>
          </p:cNvPr>
          <p:cNvGrpSpPr/>
          <p:nvPr/>
        </p:nvGrpSpPr>
        <p:grpSpPr>
          <a:xfrm>
            <a:off x="655964" y="4889921"/>
            <a:ext cx="4299045" cy="627797"/>
            <a:chOff x="2006220" y="3138985"/>
            <a:chExt cx="4299045" cy="627797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BB36C04E-B8FB-4A70-5A0A-4CD73E0F7D4A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6" name="TextBox 25">
              <a:extLst>
                <a:ext uri="{FF2B5EF4-FFF2-40B4-BE49-F238E27FC236}">
                  <a16:creationId xmlns:a16="http://schemas.microsoft.com/office/drawing/2014/main" id="{E8406D35-A9D0-FCBE-3E11-4DF68E4C92BC}"/>
                </a:ext>
              </a:extLst>
            </p:cNvPr>
            <p:cNvSpPr txBox="1"/>
            <p:nvPr/>
          </p:nvSpPr>
          <p:spPr>
            <a:xfrm>
              <a:off x="2729552" y="3166280"/>
              <a:ext cx="3398293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has a long neck.</a:t>
              </a:r>
            </a:p>
          </p:txBody>
        </p:sp>
      </p:grpSp>
      <p:grpSp>
        <p:nvGrpSpPr>
          <p:cNvPr id="38" name="Reveal">
            <a:extLst>
              <a:ext uri="{FF2B5EF4-FFF2-40B4-BE49-F238E27FC236}">
                <a16:creationId xmlns:a16="http://schemas.microsoft.com/office/drawing/2014/main" id="{A0C3ABF3-09DD-DA2B-F3B1-14DC069DA829}"/>
              </a:ext>
            </a:extLst>
          </p:cNvPr>
          <p:cNvGrpSpPr/>
          <p:nvPr/>
        </p:nvGrpSpPr>
        <p:grpSpPr>
          <a:xfrm>
            <a:off x="6724985" y="1538032"/>
            <a:ext cx="4572000" cy="3900196"/>
            <a:chOff x="6724985" y="1538032"/>
            <a:chExt cx="4572000" cy="3900196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EDE09CE0-C50B-1DF0-8E42-EBEF25F90052}"/>
                </a:ext>
              </a:extLst>
            </p:cNvPr>
            <p:cNvGrpSpPr/>
            <p:nvPr/>
          </p:nvGrpSpPr>
          <p:grpSpPr>
            <a:xfrm>
              <a:off x="6724985" y="1538032"/>
              <a:ext cx="4572000" cy="3900196"/>
              <a:chOff x="6363478" y="1474237"/>
              <a:chExt cx="4572000" cy="3900196"/>
            </a:xfrm>
          </p:grpSpPr>
          <p:sp>
            <p:nvSpPr>
              <p:cNvPr id="29" name="Rectangle: Rounded Corners 28">
                <a:extLst>
                  <a:ext uri="{FF2B5EF4-FFF2-40B4-BE49-F238E27FC236}">
                    <a16:creationId xmlns:a16="http://schemas.microsoft.com/office/drawing/2014/main" id="{C2F8248F-0149-4009-CC2F-AD8FC0DA793F}"/>
                  </a:ext>
                </a:extLst>
              </p:cNvPr>
              <p:cNvSpPr/>
              <p:nvPr/>
            </p:nvSpPr>
            <p:spPr>
              <a:xfrm>
                <a:off x="6363478" y="1474237"/>
                <a:ext cx="4572000" cy="3900196"/>
              </a:xfrm>
              <a:prstGeom prst="roundRect">
                <a:avLst>
                  <a:gd name="adj" fmla="val 11404"/>
                </a:avLst>
              </a:prstGeom>
              <a:solidFill>
                <a:srgbClr val="FFC00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pic>
            <p:nvPicPr>
              <p:cNvPr id="32" name="Graphic 31" descr="Badge Question Mark with solid fill">
                <a:extLst>
                  <a:ext uri="{FF2B5EF4-FFF2-40B4-BE49-F238E27FC236}">
                    <a16:creationId xmlns:a16="http://schemas.microsoft.com/office/drawing/2014/main" id="{E789C326-572E-B2F4-AB57-10DA5D16B9B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>
                <a:extLs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tretch>
                <a:fillRect/>
              </a:stretch>
            </p:blipFill>
            <p:spPr>
              <a:xfrm>
                <a:off x="7510130" y="2333848"/>
                <a:ext cx="2250558" cy="2250558"/>
              </a:xfrm>
              <a:prstGeom prst="rect">
                <a:avLst/>
              </a:prstGeom>
            </p:spPr>
          </p:pic>
        </p:grpSp>
        <p:sp>
          <p:nvSpPr>
            <p:cNvPr id="34" name="TextBox 33">
              <a:extLst>
                <a:ext uri="{FF2B5EF4-FFF2-40B4-BE49-F238E27FC236}">
                  <a16:creationId xmlns:a16="http://schemas.microsoft.com/office/drawing/2014/main" id="{8C5779D7-7A4D-7AD8-6E64-F8F4A630D2F3}"/>
                </a:ext>
              </a:extLst>
            </p:cNvPr>
            <p:cNvSpPr txBox="1"/>
            <p:nvPr/>
          </p:nvSpPr>
          <p:spPr>
            <a:xfrm>
              <a:off x="7134225" y="4640625"/>
              <a:ext cx="4129089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rgbClr val="0070C0"/>
                  </a:solidFill>
                </a:rPr>
                <a:t>Click to reveal picture.</a:t>
              </a:r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4C963D53-B2F1-82D8-EFE9-05B42927C76F}"/>
              </a:ext>
            </a:extLst>
          </p:cNvPr>
          <p:cNvGrpSpPr/>
          <p:nvPr/>
        </p:nvGrpSpPr>
        <p:grpSpPr>
          <a:xfrm>
            <a:off x="6883460" y="5579675"/>
            <a:ext cx="4299045" cy="627797"/>
            <a:chOff x="2006220" y="3138985"/>
            <a:chExt cx="4299045" cy="627797"/>
          </a:xfrm>
        </p:grpSpPr>
        <p:sp>
          <p:nvSpPr>
            <p:cNvPr id="36" name="Rectangle: Rounded Corners 35">
              <a:extLst>
                <a:ext uri="{FF2B5EF4-FFF2-40B4-BE49-F238E27FC236}">
                  <a16:creationId xmlns:a16="http://schemas.microsoft.com/office/drawing/2014/main" id="{ED071D10-0398-3AD4-5C08-4C777E90E665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rgbClr val="00206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7" name="TextBox 36">
              <a:extLst>
                <a:ext uri="{FF2B5EF4-FFF2-40B4-BE49-F238E27FC236}">
                  <a16:creationId xmlns:a16="http://schemas.microsoft.com/office/drawing/2014/main" id="{7D43FB32-8CEF-63E2-F8AD-EFF0CEF08117}"/>
                </a:ext>
              </a:extLst>
            </p:cNvPr>
            <p:cNvSpPr txBox="1"/>
            <p:nvPr/>
          </p:nvSpPr>
          <p:spPr>
            <a:xfrm>
              <a:off x="3023737" y="3167146"/>
              <a:ext cx="294119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a giraffe.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6535980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6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30" dur="2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5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67E1717C-4C01-1C21-1F97-0B64698A54A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665261" y="0"/>
            <a:ext cx="4861478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3353421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49A67A5-C493-FFFF-A77D-357F9C79065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bject 73">
            <a:extLst>
              <a:ext uri="{FF2B5EF4-FFF2-40B4-BE49-F238E27FC236}">
                <a16:creationId xmlns:a16="http://schemas.microsoft.com/office/drawing/2014/main" id="{3226A245-5CF7-634F-2D59-E8C513BA4EF8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/>
          </a:p>
        </p:txBody>
      </p:sp>
      <p:sp>
        <p:nvSpPr>
          <p:cNvPr id="2" name="Shape 45">
            <a:hlinkClick r:id="rId4" action="ppaction://hlinksldjump"/>
            <a:extLst>
              <a:ext uri="{FF2B5EF4-FFF2-40B4-BE49-F238E27FC236}">
                <a16:creationId xmlns:a16="http://schemas.microsoft.com/office/drawing/2014/main" id="{E4317FE7-6B4D-72E2-A149-EAFFF9B7AB14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3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512A6A47-8FD3-D55E-661D-698FA55508E9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D052CE3B-79CB-4ED3-DC9D-384B580423FF}"/>
              </a:ext>
            </a:extLst>
          </p:cNvPr>
          <p:cNvSpPr/>
          <p:nvPr/>
        </p:nvSpPr>
        <p:spPr>
          <a:xfrm>
            <a:off x="723331" y="2251881"/>
            <a:ext cx="4135272" cy="627797"/>
          </a:xfrm>
          <a:prstGeom prst="roundRect">
            <a:avLst/>
          </a:prstGeom>
          <a:solidFill>
            <a:srgbClr val="00206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E42103C6-7FF6-CCB5-249F-32B6AB20DFD2}"/>
              </a:ext>
            </a:extLst>
          </p:cNvPr>
          <p:cNvSpPr txBox="1"/>
          <p:nvPr/>
        </p:nvSpPr>
        <p:spPr>
          <a:xfrm>
            <a:off x="955343" y="2292824"/>
            <a:ext cx="3739487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solidFill>
                  <a:schemeClr val="bg1"/>
                </a:solidFill>
              </a:rPr>
              <a:t>Click to read the tips.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47A686F-F7E7-7F69-1BBF-C64B6ECFF6C0}"/>
              </a:ext>
            </a:extLst>
          </p:cNvPr>
          <p:cNvSpPr txBox="1"/>
          <p:nvPr/>
        </p:nvSpPr>
        <p:spPr>
          <a:xfrm>
            <a:off x="1842447" y="1542197"/>
            <a:ext cx="200622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b="1" dirty="0">
                <a:solidFill>
                  <a:srgbClr val="002060"/>
                </a:solidFill>
              </a:rPr>
              <a:t>Animal </a:t>
            </a:r>
            <a:r>
              <a:rPr lang="en-GB" sz="4000" b="1" dirty="0">
                <a:solidFill>
                  <a:srgbClr val="002060"/>
                </a:solidFill>
              </a:rPr>
              <a:t>2</a:t>
            </a:r>
          </a:p>
        </p:txBody>
      </p:sp>
      <p:grpSp>
        <p:nvGrpSpPr>
          <p:cNvPr id="11" name="Tip 1">
            <a:extLst>
              <a:ext uri="{FF2B5EF4-FFF2-40B4-BE49-F238E27FC236}">
                <a16:creationId xmlns:a16="http://schemas.microsoft.com/office/drawing/2014/main" id="{FB3053CF-A715-A4DC-1B17-264EE63C5F44}"/>
              </a:ext>
            </a:extLst>
          </p:cNvPr>
          <p:cNvGrpSpPr/>
          <p:nvPr/>
        </p:nvGrpSpPr>
        <p:grpSpPr>
          <a:xfrm>
            <a:off x="2006221" y="3179928"/>
            <a:ext cx="1760561" cy="627797"/>
            <a:chOff x="2006221" y="3138985"/>
            <a:chExt cx="1760561" cy="627797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098DC9E2-7099-C8FF-2B27-020062F4B5B4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EE7853B1-8520-9B66-9FB4-1F5CFD2AD530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1</a:t>
              </a:r>
            </a:p>
          </p:txBody>
        </p:sp>
      </p:grpSp>
      <p:grpSp>
        <p:nvGrpSpPr>
          <p:cNvPr id="12" name="Tip 2">
            <a:extLst>
              <a:ext uri="{FF2B5EF4-FFF2-40B4-BE49-F238E27FC236}">
                <a16:creationId xmlns:a16="http://schemas.microsoft.com/office/drawing/2014/main" id="{4F061C75-3BE8-CF7F-54F2-BF96BE60138C}"/>
              </a:ext>
            </a:extLst>
          </p:cNvPr>
          <p:cNvGrpSpPr/>
          <p:nvPr/>
        </p:nvGrpSpPr>
        <p:grpSpPr>
          <a:xfrm>
            <a:off x="2006221" y="4039737"/>
            <a:ext cx="1760561" cy="627797"/>
            <a:chOff x="2006221" y="3138985"/>
            <a:chExt cx="1760561" cy="627797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F4806E78-8944-6D80-E106-AACDF3D5912D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6617A99D-2BB2-3C8C-1323-CBA9D23A249E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2</a:t>
              </a:r>
            </a:p>
          </p:txBody>
        </p:sp>
      </p:grpSp>
      <p:grpSp>
        <p:nvGrpSpPr>
          <p:cNvPr id="15" name="Tip 3">
            <a:extLst>
              <a:ext uri="{FF2B5EF4-FFF2-40B4-BE49-F238E27FC236}">
                <a16:creationId xmlns:a16="http://schemas.microsoft.com/office/drawing/2014/main" id="{B7C2AE6F-1929-A0E9-FFF9-0DD1BBE9EFE9}"/>
              </a:ext>
            </a:extLst>
          </p:cNvPr>
          <p:cNvGrpSpPr/>
          <p:nvPr/>
        </p:nvGrpSpPr>
        <p:grpSpPr>
          <a:xfrm>
            <a:off x="2006221" y="4899546"/>
            <a:ext cx="1760561" cy="627797"/>
            <a:chOff x="2006221" y="3138985"/>
            <a:chExt cx="1760561" cy="627797"/>
          </a:xfrm>
        </p:grpSpPr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C658DB68-DB8D-DAE4-3D2E-C177C4C1D66A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7F69414F-8000-7EC9-6593-C674A4623BAA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3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A9B906F1-6F5B-5A4A-C375-51A5D5B91297}"/>
              </a:ext>
            </a:extLst>
          </p:cNvPr>
          <p:cNvGrpSpPr/>
          <p:nvPr/>
        </p:nvGrpSpPr>
        <p:grpSpPr>
          <a:xfrm>
            <a:off x="642316" y="3170303"/>
            <a:ext cx="4299045" cy="627797"/>
            <a:chOff x="2006220" y="3138985"/>
            <a:chExt cx="4299045" cy="627797"/>
          </a:xfrm>
        </p:grpSpPr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CC89DE86-D186-9FFE-2141-8F4C76003719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CC11B0DE-1F30-600D-80A2-CE7FB0756FE9}"/>
                </a:ext>
              </a:extLst>
            </p:cNvPr>
            <p:cNvSpPr txBox="1"/>
            <p:nvPr/>
          </p:nvSpPr>
          <p:spPr>
            <a:xfrm>
              <a:off x="3067279" y="3152632"/>
              <a:ext cx="2244510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brown.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2F4D5B05-249A-8D16-AFAD-B5CFAD6AC6E8}"/>
              </a:ext>
            </a:extLst>
          </p:cNvPr>
          <p:cNvGrpSpPr/>
          <p:nvPr/>
        </p:nvGrpSpPr>
        <p:grpSpPr>
          <a:xfrm>
            <a:off x="655964" y="4030112"/>
            <a:ext cx="4299045" cy="627797"/>
            <a:chOff x="2006220" y="3138985"/>
            <a:chExt cx="4299045" cy="627797"/>
          </a:xfrm>
        </p:grpSpPr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81057DCB-CAF8-AFAD-B557-DB31D1A6911C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9B8EB00F-7DC2-17D9-B2BC-7666975E0074}"/>
                </a:ext>
              </a:extLst>
            </p:cNvPr>
            <p:cNvSpPr txBox="1"/>
            <p:nvPr/>
          </p:nvSpPr>
          <p:spPr>
            <a:xfrm>
              <a:off x="2730201" y="3152632"/>
              <a:ext cx="3061426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has a long tail.</a:t>
              </a:r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3EEDEBC8-8D6F-E9F7-2748-BF7219C50C28}"/>
              </a:ext>
            </a:extLst>
          </p:cNvPr>
          <p:cNvGrpSpPr/>
          <p:nvPr/>
        </p:nvGrpSpPr>
        <p:grpSpPr>
          <a:xfrm>
            <a:off x="655964" y="4889921"/>
            <a:ext cx="4299045" cy="627797"/>
            <a:chOff x="2006220" y="3138985"/>
            <a:chExt cx="4299045" cy="627797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B363FF28-B9DB-88A4-9885-C3D5C5F774EC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6" name="TextBox 25">
              <a:extLst>
                <a:ext uri="{FF2B5EF4-FFF2-40B4-BE49-F238E27FC236}">
                  <a16:creationId xmlns:a16="http://schemas.microsoft.com/office/drawing/2014/main" id="{B2EBF6CA-F6E1-FFD1-9FF8-07DBA7CA8C6B}"/>
                </a:ext>
              </a:extLst>
            </p:cNvPr>
            <p:cNvSpPr txBox="1"/>
            <p:nvPr/>
          </p:nvSpPr>
          <p:spPr>
            <a:xfrm>
              <a:off x="2816637" y="3151766"/>
              <a:ext cx="3398293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eats bananas.</a:t>
              </a:r>
            </a:p>
          </p:txBody>
        </p:sp>
      </p:grpSp>
      <p:pic>
        <p:nvPicPr>
          <p:cNvPr id="28" name="Picture 27">
            <a:extLst>
              <a:ext uri="{FF2B5EF4-FFF2-40B4-BE49-F238E27FC236}">
                <a16:creationId xmlns:a16="http://schemas.microsoft.com/office/drawing/2014/main" id="{9C32E9F3-3F21-C43B-77A7-9F305F2438C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050603" y="1802150"/>
            <a:ext cx="3841330" cy="3409180"/>
          </a:xfrm>
          <a:prstGeom prst="rect">
            <a:avLst/>
          </a:prstGeom>
        </p:spPr>
      </p:pic>
      <p:grpSp>
        <p:nvGrpSpPr>
          <p:cNvPr id="38" name="Reveal">
            <a:extLst>
              <a:ext uri="{FF2B5EF4-FFF2-40B4-BE49-F238E27FC236}">
                <a16:creationId xmlns:a16="http://schemas.microsoft.com/office/drawing/2014/main" id="{7DBAD29C-50CE-66E5-6B33-2F81AAB3F2AB}"/>
              </a:ext>
            </a:extLst>
          </p:cNvPr>
          <p:cNvGrpSpPr/>
          <p:nvPr/>
        </p:nvGrpSpPr>
        <p:grpSpPr>
          <a:xfrm>
            <a:off x="6724985" y="1538032"/>
            <a:ext cx="4572000" cy="3900196"/>
            <a:chOff x="6724985" y="1538032"/>
            <a:chExt cx="4572000" cy="3900196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2839D593-AFF9-3EF4-1A68-661A19A6C404}"/>
                </a:ext>
              </a:extLst>
            </p:cNvPr>
            <p:cNvGrpSpPr/>
            <p:nvPr/>
          </p:nvGrpSpPr>
          <p:grpSpPr>
            <a:xfrm>
              <a:off x="6724985" y="1538032"/>
              <a:ext cx="4572000" cy="3900196"/>
              <a:chOff x="6363478" y="1474237"/>
              <a:chExt cx="4572000" cy="3900196"/>
            </a:xfrm>
          </p:grpSpPr>
          <p:sp>
            <p:nvSpPr>
              <p:cNvPr id="29" name="Rectangle: Rounded Corners 28">
                <a:extLst>
                  <a:ext uri="{FF2B5EF4-FFF2-40B4-BE49-F238E27FC236}">
                    <a16:creationId xmlns:a16="http://schemas.microsoft.com/office/drawing/2014/main" id="{CF54EBE2-73BB-2FD6-8B9B-59E63907923B}"/>
                  </a:ext>
                </a:extLst>
              </p:cNvPr>
              <p:cNvSpPr/>
              <p:nvPr/>
            </p:nvSpPr>
            <p:spPr>
              <a:xfrm>
                <a:off x="6363478" y="1474237"/>
                <a:ext cx="4572000" cy="3900196"/>
              </a:xfrm>
              <a:prstGeom prst="roundRect">
                <a:avLst>
                  <a:gd name="adj" fmla="val 11404"/>
                </a:avLst>
              </a:prstGeom>
              <a:solidFill>
                <a:srgbClr val="FFC00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pic>
            <p:nvPicPr>
              <p:cNvPr id="32" name="Graphic 31" descr="Badge Question Mark with solid fill">
                <a:extLst>
                  <a:ext uri="{FF2B5EF4-FFF2-40B4-BE49-F238E27FC236}">
                    <a16:creationId xmlns:a16="http://schemas.microsoft.com/office/drawing/2014/main" id="{B93A5268-681A-716E-1CFB-29C980114887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>
                <a:extLs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tretch>
                <a:fillRect/>
              </a:stretch>
            </p:blipFill>
            <p:spPr>
              <a:xfrm>
                <a:off x="7510130" y="2333848"/>
                <a:ext cx="2250558" cy="2250558"/>
              </a:xfrm>
              <a:prstGeom prst="rect">
                <a:avLst/>
              </a:prstGeom>
            </p:spPr>
          </p:pic>
        </p:grpSp>
        <p:sp>
          <p:nvSpPr>
            <p:cNvPr id="34" name="TextBox 33">
              <a:extLst>
                <a:ext uri="{FF2B5EF4-FFF2-40B4-BE49-F238E27FC236}">
                  <a16:creationId xmlns:a16="http://schemas.microsoft.com/office/drawing/2014/main" id="{31D76546-4A5B-6C8F-8CD0-E8ED6B71201C}"/>
                </a:ext>
              </a:extLst>
            </p:cNvPr>
            <p:cNvSpPr txBox="1"/>
            <p:nvPr/>
          </p:nvSpPr>
          <p:spPr>
            <a:xfrm>
              <a:off x="7134225" y="4640625"/>
              <a:ext cx="4129089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rgbClr val="0070C0"/>
                  </a:solidFill>
                </a:rPr>
                <a:t>Click to reveal picture.</a:t>
              </a:r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A2C9B91F-1C8A-0DA4-8588-6F0BA2661612}"/>
              </a:ext>
            </a:extLst>
          </p:cNvPr>
          <p:cNvGrpSpPr/>
          <p:nvPr/>
        </p:nvGrpSpPr>
        <p:grpSpPr>
          <a:xfrm>
            <a:off x="6883460" y="5579675"/>
            <a:ext cx="4299045" cy="627797"/>
            <a:chOff x="2006220" y="3138985"/>
            <a:chExt cx="4299045" cy="627797"/>
          </a:xfrm>
        </p:grpSpPr>
        <p:sp>
          <p:nvSpPr>
            <p:cNvPr id="36" name="Rectangle: Rounded Corners 35">
              <a:extLst>
                <a:ext uri="{FF2B5EF4-FFF2-40B4-BE49-F238E27FC236}">
                  <a16:creationId xmlns:a16="http://schemas.microsoft.com/office/drawing/2014/main" id="{266A7478-2D21-06FB-68B5-7FDCFA239F9F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rgbClr val="00206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7" name="TextBox 36">
              <a:extLst>
                <a:ext uri="{FF2B5EF4-FFF2-40B4-BE49-F238E27FC236}">
                  <a16:creationId xmlns:a16="http://schemas.microsoft.com/office/drawing/2014/main" id="{A5AFC028-BE9B-80A2-E55A-7D64843076C1}"/>
                </a:ext>
              </a:extLst>
            </p:cNvPr>
            <p:cNvSpPr txBox="1"/>
            <p:nvPr/>
          </p:nvSpPr>
          <p:spPr>
            <a:xfrm>
              <a:off x="3023737" y="3167146"/>
              <a:ext cx="294119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a monkey.</a:t>
              </a:r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350A25EB-1342-FCF9-B764-1521FA843D09}"/>
              </a:ext>
            </a:extLst>
          </p:cNvPr>
          <p:cNvSpPr txBox="1"/>
          <p:nvPr/>
        </p:nvSpPr>
        <p:spPr>
          <a:xfrm>
            <a:off x="1684283" y="-12855"/>
            <a:ext cx="882215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 algn="ctr">
              <a:tabLst>
                <a:tab pos="515938" algn="l"/>
              </a:tabLst>
            </a:pPr>
            <a:r>
              <a:rPr lang="en-US" sz="3600" b="1" dirty="0">
                <a:cs typeface="Arial" panose="020B0604020202020204" pitchFamily="34" charset="0"/>
              </a:rPr>
              <a:t>Can you guess the animal? Read the tips. Make your guess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471535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6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30" dur="2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5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D2E7373-4362-AE0E-40A2-51BF9170919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" name="Picture 29">
            <a:extLst>
              <a:ext uri="{FF2B5EF4-FFF2-40B4-BE49-F238E27FC236}">
                <a16:creationId xmlns:a16="http://schemas.microsoft.com/office/drawing/2014/main" id="{9AA0DD97-8C6F-8A78-700E-8A2CE87A2CC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185589" y="1627858"/>
            <a:ext cx="3637646" cy="3795044"/>
          </a:xfrm>
          <a:prstGeom prst="rect">
            <a:avLst/>
          </a:prstGeom>
        </p:spPr>
      </p:pic>
      <p:sp>
        <p:nvSpPr>
          <p:cNvPr id="4" name="object 73">
            <a:extLst>
              <a:ext uri="{FF2B5EF4-FFF2-40B4-BE49-F238E27FC236}">
                <a16:creationId xmlns:a16="http://schemas.microsoft.com/office/drawing/2014/main" id="{DCC8B05E-860E-98B8-3EE7-14437E64D010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/>
          </a:p>
        </p:txBody>
      </p:sp>
      <p:sp>
        <p:nvSpPr>
          <p:cNvPr id="2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07E38F95-E14A-CAAF-6F1D-9DD3531B4A7A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3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F0F9180D-72E6-5DEF-0C45-0E8962578B13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23CCFA8D-F057-DDEC-8C1B-3511EBFF0F28}"/>
              </a:ext>
            </a:extLst>
          </p:cNvPr>
          <p:cNvSpPr/>
          <p:nvPr/>
        </p:nvSpPr>
        <p:spPr>
          <a:xfrm>
            <a:off x="723331" y="2251881"/>
            <a:ext cx="4135272" cy="627797"/>
          </a:xfrm>
          <a:prstGeom prst="roundRect">
            <a:avLst/>
          </a:prstGeom>
          <a:solidFill>
            <a:srgbClr val="00206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CFF1BBA0-B11F-8DEB-FD45-4030030731C0}"/>
              </a:ext>
            </a:extLst>
          </p:cNvPr>
          <p:cNvSpPr txBox="1"/>
          <p:nvPr/>
        </p:nvSpPr>
        <p:spPr>
          <a:xfrm>
            <a:off x="955343" y="2292824"/>
            <a:ext cx="3739487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solidFill>
                  <a:schemeClr val="bg1"/>
                </a:solidFill>
              </a:rPr>
              <a:t>Click to read the tips.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89761369-DD86-40A7-59FE-F8860918F6E9}"/>
              </a:ext>
            </a:extLst>
          </p:cNvPr>
          <p:cNvSpPr txBox="1"/>
          <p:nvPr/>
        </p:nvSpPr>
        <p:spPr>
          <a:xfrm>
            <a:off x="1842447" y="1542197"/>
            <a:ext cx="200622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b="1" dirty="0">
                <a:solidFill>
                  <a:srgbClr val="002060"/>
                </a:solidFill>
              </a:rPr>
              <a:t>Animal </a:t>
            </a:r>
            <a:r>
              <a:rPr lang="en-GB" sz="4000" b="1" dirty="0">
                <a:solidFill>
                  <a:srgbClr val="002060"/>
                </a:solidFill>
              </a:rPr>
              <a:t>3</a:t>
            </a:r>
          </a:p>
        </p:txBody>
      </p:sp>
      <p:grpSp>
        <p:nvGrpSpPr>
          <p:cNvPr id="11" name="Tip 1">
            <a:extLst>
              <a:ext uri="{FF2B5EF4-FFF2-40B4-BE49-F238E27FC236}">
                <a16:creationId xmlns:a16="http://schemas.microsoft.com/office/drawing/2014/main" id="{365459A4-E327-6FEB-F4AF-E04D33EF80D2}"/>
              </a:ext>
            </a:extLst>
          </p:cNvPr>
          <p:cNvGrpSpPr/>
          <p:nvPr/>
        </p:nvGrpSpPr>
        <p:grpSpPr>
          <a:xfrm>
            <a:off x="2006221" y="3179928"/>
            <a:ext cx="1760561" cy="627797"/>
            <a:chOff x="2006221" y="3138985"/>
            <a:chExt cx="1760561" cy="627797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318ED0A4-6734-6813-8FB3-C0A077961B65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31F75552-18A2-722B-003E-857405530555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1</a:t>
              </a:r>
            </a:p>
          </p:txBody>
        </p:sp>
      </p:grpSp>
      <p:grpSp>
        <p:nvGrpSpPr>
          <p:cNvPr id="12" name="Tip 2">
            <a:extLst>
              <a:ext uri="{FF2B5EF4-FFF2-40B4-BE49-F238E27FC236}">
                <a16:creationId xmlns:a16="http://schemas.microsoft.com/office/drawing/2014/main" id="{E69E7EFA-36CC-E2FD-6F50-ADACACD45A30}"/>
              </a:ext>
            </a:extLst>
          </p:cNvPr>
          <p:cNvGrpSpPr/>
          <p:nvPr/>
        </p:nvGrpSpPr>
        <p:grpSpPr>
          <a:xfrm>
            <a:off x="2006221" y="4039737"/>
            <a:ext cx="1760561" cy="627797"/>
            <a:chOff x="2006221" y="3138985"/>
            <a:chExt cx="1760561" cy="627797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08095483-61B9-165B-69AA-4631C9DD0756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0E13400C-45C2-A588-55FE-787880CA79E4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2</a:t>
              </a:r>
            </a:p>
          </p:txBody>
        </p:sp>
      </p:grpSp>
      <p:grpSp>
        <p:nvGrpSpPr>
          <p:cNvPr id="15" name="Tip 3">
            <a:extLst>
              <a:ext uri="{FF2B5EF4-FFF2-40B4-BE49-F238E27FC236}">
                <a16:creationId xmlns:a16="http://schemas.microsoft.com/office/drawing/2014/main" id="{50BA9BE1-2C31-FE39-9F4F-365A0C4306DE}"/>
              </a:ext>
            </a:extLst>
          </p:cNvPr>
          <p:cNvGrpSpPr/>
          <p:nvPr/>
        </p:nvGrpSpPr>
        <p:grpSpPr>
          <a:xfrm>
            <a:off x="2006221" y="4899546"/>
            <a:ext cx="1760561" cy="627797"/>
            <a:chOff x="2006221" y="3138985"/>
            <a:chExt cx="1760561" cy="627797"/>
          </a:xfrm>
        </p:grpSpPr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C4E64E28-D49C-0708-13C0-AE3F5CEF8F3A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5E11BAA9-115D-BD96-9E2E-71CAE5D17A54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3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FB2F2C6D-6E23-E043-C14A-1FB191218480}"/>
              </a:ext>
            </a:extLst>
          </p:cNvPr>
          <p:cNvGrpSpPr/>
          <p:nvPr/>
        </p:nvGrpSpPr>
        <p:grpSpPr>
          <a:xfrm>
            <a:off x="642316" y="3170303"/>
            <a:ext cx="4299045" cy="627797"/>
            <a:chOff x="2006220" y="3138985"/>
            <a:chExt cx="4299045" cy="627797"/>
          </a:xfrm>
        </p:grpSpPr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4E008114-2CBF-0FCF-F342-29097469BC3C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62FB8613-ACFB-6FA4-F07E-10CA45B2D938}"/>
                </a:ext>
              </a:extLst>
            </p:cNvPr>
            <p:cNvSpPr txBox="1"/>
            <p:nvPr/>
          </p:nvSpPr>
          <p:spPr>
            <a:xfrm>
              <a:off x="2298021" y="3167147"/>
              <a:ext cx="378302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black and white.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42658884-0896-33A9-9E11-B41A07942719}"/>
              </a:ext>
            </a:extLst>
          </p:cNvPr>
          <p:cNvGrpSpPr/>
          <p:nvPr/>
        </p:nvGrpSpPr>
        <p:grpSpPr>
          <a:xfrm>
            <a:off x="655964" y="4030112"/>
            <a:ext cx="4299045" cy="627797"/>
            <a:chOff x="2006220" y="3138985"/>
            <a:chExt cx="4299045" cy="627797"/>
          </a:xfrm>
        </p:grpSpPr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CC8073A2-6784-CEB0-0327-5A6423CA7691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6FFD4217-53FA-0B7B-32F5-E63119985D0B}"/>
                </a:ext>
              </a:extLst>
            </p:cNvPr>
            <p:cNvSpPr txBox="1"/>
            <p:nvPr/>
          </p:nvSpPr>
          <p:spPr>
            <a:xfrm>
              <a:off x="3397858" y="3167146"/>
              <a:ext cx="187125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fat.</a:t>
              </a:r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35F01130-68C4-B416-5D20-B38C7B5D6206}"/>
              </a:ext>
            </a:extLst>
          </p:cNvPr>
          <p:cNvGrpSpPr/>
          <p:nvPr/>
        </p:nvGrpSpPr>
        <p:grpSpPr>
          <a:xfrm>
            <a:off x="655964" y="4889921"/>
            <a:ext cx="4299045" cy="627797"/>
            <a:chOff x="2006220" y="3138985"/>
            <a:chExt cx="4299045" cy="627797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DDC97BD2-8D42-426A-E77F-595C60664179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6" name="TextBox 25">
              <a:extLst>
                <a:ext uri="{FF2B5EF4-FFF2-40B4-BE49-F238E27FC236}">
                  <a16:creationId xmlns:a16="http://schemas.microsoft.com/office/drawing/2014/main" id="{0865F2DD-95D7-D8A8-C736-9591CDB7EF6E}"/>
                </a:ext>
              </a:extLst>
            </p:cNvPr>
            <p:cNvSpPr txBox="1"/>
            <p:nvPr/>
          </p:nvSpPr>
          <p:spPr>
            <a:xfrm>
              <a:off x="2758580" y="3151766"/>
              <a:ext cx="3398293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eats bamboos.</a:t>
              </a:r>
            </a:p>
          </p:txBody>
        </p:sp>
      </p:grpSp>
      <p:grpSp>
        <p:nvGrpSpPr>
          <p:cNvPr id="38" name="Reveal">
            <a:extLst>
              <a:ext uri="{FF2B5EF4-FFF2-40B4-BE49-F238E27FC236}">
                <a16:creationId xmlns:a16="http://schemas.microsoft.com/office/drawing/2014/main" id="{7B839820-3528-F217-A465-F139788CACD1}"/>
              </a:ext>
            </a:extLst>
          </p:cNvPr>
          <p:cNvGrpSpPr/>
          <p:nvPr/>
        </p:nvGrpSpPr>
        <p:grpSpPr>
          <a:xfrm>
            <a:off x="6724985" y="1538032"/>
            <a:ext cx="4572000" cy="3900196"/>
            <a:chOff x="6724985" y="1538032"/>
            <a:chExt cx="4572000" cy="3900196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8037171-A3B1-3722-E1B8-901E1EFBA450}"/>
                </a:ext>
              </a:extLst>
            </p:cNvPr>
            <p:cNvGrpSpPr/>
            <p:nvPr/>
          </p:nvGrpSpPr>
          <p:grpSpPr>
            <a:xfrm>
              <a:off x="6724985" y="1538032"/>
              <a:ext cx="4572000" cy="3900196"/>
              <a:chOff x="6363478" y="1474237"/>
              <a:chExt cx="4572000" cy="3900196"/>
            </a:xfrm>
          </p:grpSpPr>
          <p:sp>
            <p:nvSpPr>
              <p:cNvPr id="29" name="Rectangle: Rounded Corners 28">
                <a:extLst>
                  <a:ext uri="{FF2B5EF4-FFF2-40B4-BE49-F238E27FC236}">
                    <a16:creationId xmlns:a16="http://schemas.microsoft.com/office/drawing/2014/main" id="{86544727-EBC1-AFB0-E947-A8356A58969E}"/>
                  </a:ext>
                </a:extLst>
              </p:cNvPr>
              <p:cNvSpPr/>
              <p:nvPr/>
            </p:nvSpPr>
            <p:spPr>
              <a:xfrm>
                <a:off x="6363478" y="1474237"/>
                <a:ext cx="4572000" cy="3900196"/>
              </a:xfrm>
              <a:prstGeom prst="roundRect">
                <a:avLst>
                  <a:gd name="adj" fmla="val 11404"/>
                </a:avLst>
              </a:prstGeom>
              <a:solidFill>
                <a:srgbClr val="FFC00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pic>
            <p:nvPicPr>
              <p:cNvPr id="32" name="Graphic 31" descr="Badge Question Mark with solid fill">
                <a:extLst>
                  <a:ext uri="{FF2B5EF4-FFF2-40B4-BE49-F238E27FC236}">
                    <a16:creationId xmlns:a16="http://schemas.microsoft.com/office/drawing/2014/main" id="{D11A2EC4-A7E6-999E-EABB-C0B730954CE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>
                <a:extLs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tretch>
                <a:fillRect/>
              </a:stretch>
            </p:blipFill>
            <p:spPr>
              <a:xfrm>
                <a:off x="7510130" y="2333848"/>
                <a:ext cx="2250558" cy="2250558"/>
              </a:xfrm>
              <a:prstGeom prst="rect">
                <a:avLst/>
              </a:prstGeom>
            </p:spPr>
          </p:pic>
        </p:grpSp>
        <p:sp>
          <p:nvSpPr>
            <p:cNvPr id="34" name="TextBox 33">
              <a:extLst>
                <a:ext uri="{FF2B5EF4-FFF2-40B4-BE49-F238E27FC236}">
                  <a16:creationId xmlns:a16="http://schemas.microsoft.com/office/drawing/2014/main" id="{DE66376E-5849-868C-AB5D-C67AC0A5C44B}"/>
                </a:ext>
              </a:extLst>
            </p:cNvPr>
            <p:cNvSpPr txBox="1"/>
            <p:nvPr/>
          </p:nvSpPr>
          <p:spPr>
            <a:xfrm>
              <a:off x="7134225" y="4640625"/>
              <a:ext cx="4129089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rgbClr val="0070C0"/>
                  </a:solidFill>
                </a:rPr>
                <a:t>Click to reveal picture.</a:t>
              </a:r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632F5726-9A29-30DF-3ED5-2185075039AE}"/>
              </a:ext>
            </a:extLst>
          </p:cNvPr>
          <p:cNvGrpSpPr/>
          <p:nvPr/>
        </p:nvGrpSpPr>
        <p:grpSpPr>
          <a:xfrm>
            <a:off x="6883460" y="5579675"/>
            <a:ext cx="4299045" cy="627797"/>
            <a:chOff x="2006220" y="3138985"/>
            <a:chExt cx="4299045" cy="627797"/>
          </a:xfrm>
        </p:grpSpPr>
        <p:sp>
          <p:nvSpPr>
            <p:cNvPr id="36" name="Rectangle: Rounded Corners 35">
              <a:extLst>
                <a:ext uri="{FF2B5EF4-FFF2-40B4-BE49-F238E27FC236}">
                  <a16:creationId xmlns:a16="http://schemas.microsoft.com/office/drawing/2014/main" id="{AA0134B7-FD5C-90BF-84E4-A3B85FCB8911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rgbClr val="00206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7" name="TextBox 36">
              <a:extLst>
                <a:ext uri="{FF2B5EF4-FFF2-40B4-BE49-F238E27FC236}">
                  <a16:creationId xmlns:a16="http://schemas.microsoft.com/office/drawing/2014/main" id="{874B929E-F79B-CFBF-F5F5-BD0FC7561EEB}"/>
                </a:ext>
              </a:extLst>
            </p:cNvPr>
            <p:cNvSpPr txBox="1"/>
            <p:nvPr/>
          </p:nvSpPr>
          <p:spPr>
            <a:xfrm>
              <a:off x="3023737" y="3167146"/>
              <a:ext cx="294119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a panda.</a:t>
              </a:r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76C4B4C2-63A2-20C3-AE95-4F93C132D86E}"/>
              </a:ext>
            </a:extLst>
          </p:cNvPr>
          <p:cNvSpPr txBox="1"/>
          <p:nvPr/>
        </p:nvSpPr>
        <p:spPr>
          <a:xfrm>
            <a:off x="1684283" y="-12855"/>
            <a:ext cx="882215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 algn="ctr">
              <a:tabLst>
                <a:tab pos="515938" algn="l"/>
              </a:tabLst>
            </a:pPr>
            <a:r>
              <a:rPr lang="en-US" sz="3600" b="1" dirty="0">
                <a:cs typeface="Arial" panose="020B0604020202020204" pitchFamily="34" charset="0"/>
              </a:rPr>
              <a:t>Can you guess the animal? Read the tips. Make your guess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456529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6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30" dur="2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5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ADA3134-A18C-7924-1C64-E41E077F1FC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8" name="Picture 27">
            <a:extLst>
              <a:ext uri="{FF2B5EF4-FFF2-40B4-BE49-F238E27FC236}">
                <a16:creationId xmlns:a16="http://schemas.microsoft.com/office/drawing/2014/main" id="{8090A03F-B5D3-073B-E49C-334811233B9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512777" y="2322706"/>
            <a:ext cx="5003558" cy="2935094"/>
          </a:xfrm>
          <a:prstGeom prst="rect">
            <a:avLst/>
          </a:prstGeom>
        </p:spPr>
      </p:pic>
      <p:sp>
        <p:nvSpPr>
          <p:cNvPr id="4" name="object 73">
            <a:extLst>
              <a:ext uri="{FF2B5EF4-FFF2-40B4-BE49-F238E27FC236}">
                <a16:creationId xmlns:a16="http://schemas.microsoft.com/office/drawing/2014/main" id="{9750C6FB-0225-1971-C8C7-4E53C7B290FC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/>
          </a:p>
        </p:txBody>
      </p:sp>
      <p:sp>
        <p:nvSpPr>
          <p:cNvPr id="2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30C44174-5637-F575-36CC-3E6959266694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3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EB2308F7-9C08-29F9-A595-2C3257C5F20C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2C5A9F2E-F75C-ACA0-ED18-A67063F25066}"/>
              </a:ext>
            </a:extLst>
          </p:cNvPr>
          <p:cNvSpPr/>
          <p:nvPr/>
        </p:nvSpPr>
        <p:spPr>
          <a:xfrm>
            <a:off x="723331" y="2251881"/>
            <a:ext cx="4135272" cy="627797"/>
          </a:xfrm>
          <a:prstGeom prst="roundRect">
            <a:avLst/>
          </a:prstGeom>
          <a:solidFill>
            <a:srgbClr val="00206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7A7C2A9-2F87-7D78-853C-D1ADD1EC28C2}"/>
              </a:ext>
            </a:extLst>
          </p:cNvPr>
          <p:cNvSpPr txBox="1"/>
          <p:nvPr/>
        </p:nvSpPr>
        <p:spPr>
          <a:xfrm>
            <a:off x="955343" y="2292824"/>
            <a:ext cx="3739487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solidFill>
                  <a:schemeClr val="bg1"/>
                </a:solidFill>
              </a:rPr>
              <a:t>Click to read the tips.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F0520ED8-42A2-B265-DE2F-11DCE115EF79}"/>
              </a:ext>
            </a:extLst>
          </p:cNvPr>
          <p:cNvSpPr txBox="1"/>
          <p:nvPr/>
        </p:nvSpPr>
        <p:spPr>
          <a:xfrm>
            <a:off x="1842447" y="1542197"/>
            <a:ext cx="200622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b="1" dirty="0">
                <a:solidFill>
                  <a:srgbClr val="002060"/>
                </a:solidFill>
              </a:rPr>
              <a:t>Animal </a:t>
            </a:r>
            <a:r>
              <a:rPr lang="en-GB" sz="4000" b="1" dirty="0">
                <a:solidFill>
                  <a:srgbClr val="002060"/>
                </a:solidFill>
              </a:rPr>
              <a:t>4</a:t>
            </a:r>
          </a:p>
        </p:txBody>
      </p:sp>
      <p:grpSp>
        <p:nvGrpSpPr>
          <p:cNvPr id="11" name="Tip 1">
            <a:extLst>
              <a:ext uri="{FF2B5EF4-FFF2-40B4-BE49-F238E27FC236}">
                <a16:creationId xmlns:a16="http://schemas.microsoft.com/office/drawing/2014/main" id="{51D98B7D-0ECA-196C-A37F-DF9B091D4279}"/>
              </a:ext>
            </a:extLst>
          </p:cNvPr>
          <p:cNvGrpSpPr/>
          <p:nvPr/>
        </p:nvGrpSpPr>
        <p:grpSpPr>
          <a:xfrm>
            <a:off x="2006221" y="3179928"/>
            <a:ext cx="1760561" cy="627797"/>
            <a:chOff x="2006221" y="3138985"/>
            <a:chExt cx="1760561" cy="627797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4B0EB5E5-C377-BAF8-C4DE-537A344D4D82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99F05454-76E8-E8C6-6FEB-9AD33EB86C0C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1</a:t>
              </a:r>
            </a:p>
          </p:txBody>
        </p:sp>
      </p:grpSp>
      <p:grpSp>
        <p:nvGrpSpPr>
          <p:cNvPr id="12" name="Tip 2">
            <a:extLst>
              <a:ext uri="{FF2B5EF4-FFF2-40B4-BE49-F238E27FC236}">
                <a16:creationId xmlns:a16="http://schemas.microsoft.com/office/drawing/2014/main" id="{505F0DE2-9EDB-8DA1-4B00-5A1DE35765DB}"/>
              </a:ext>
            </a:extLst>
          </p:cNvPr>
          <p:cNvGrpSpPr/>
          <p:nvPr/>
        </p:nvGrpSpPr>
        <p:grpSpPr>
          <a:xfrm>
            <a:off x="2006221" y="4039737"/>
            <a:ext cx="1760561" cy="627797"/>
            <a:chOff x="2006221" y="3138985"/>
            <a:chExt cx="1760561" cy="627797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56444328-BC55-0415-990C-6130C0B583FB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D92AE949-3766-F2CC-B2BC-DC267E379536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2</a:t>
              </a:r>
            </a:p>
          </p:txBody>
        </p:sp>
      </p:grpSp>
      <p:grpSp>
        <p:nvGrpSpPr>
          <p:cNvPr id="15" name="Tip 3">
            <a:extLst>
              <a:ext uri="{FF2B5EF4-FFF2-40B4-BE49-F238E27FC236}">
                <a16:creationId xmlns:a16="http://schemas.microsoft.com/office/drawing/2014/main" id="{36601416-1A7A-5658-B1CA-DA8C802779AF}"/>
              </a:ext>
            </a:extLst>
          </p:cNvPr>
          <p:cNvGrpSpPr/>
          <p:nvPr/>
        </p:nvGrpSpPr>
        <p:grpSpPr>
          <a:xfrm>
            <a:off x="2006221" y="4899546"/>
            <a:ext cx="1760561" cy="627797"/>
            <a:chOff x="2006221" y="3138985"/>
            <a:chExt cx="1760561" cy="627797"/>
          </a:xfrm>
        </p:grpSpPr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4FCB283C-BA4A-B00B-FFDA-2C41DD5F468D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067B2E9E-C495-84F7-B63F-9C4EEE9EAF34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3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C576DAD3-3695-4797-10BA-AB3B796A5FF2}"/>
              </a:ext>
            </a:extLst>
          </p:cNvPr>
          <p:cNvGrpSpPr/>
          <p:nvPr/>
        </p:nvGrpSpPr>
        <p:grpSpPr>
          <a:xfrm>
            <a:off x="642316" y="3170303"/>
            <a:ext cx="4532026" cy="627797"/>
            <a:chOff x="2006220" y="3138985"/>
            <a:chExt cx="4532026" cy="627797"/>
          </a:xfrm>
        </p:grpSpPr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4AB5B081-0A90-5B09-12D5-2A68CAF9AA86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55F4A2B1-81A7-87C6-E4DE-A7C5FF4792BD}"/>
                </a:ext>
              </a:extLst>
            </p:cNvPr>
            <p:cNvSpPr txBox="1"/>
            <p:nvPr/>
          </p:nvSpPr>
          <p:spPr>
            <a:xfrm>
              <a:off x="2755221" y="3167147"/>
              <a:ext cx="378302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has short legs.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5B9F8802-C2CB-6FFA-2FB2-5700C666F285}"/>
              </a:ext>
            </a:extLst>
          </p:cNvPr>
          <p:cNvGrpSpPr/>
          <p:nvPr/>
        </p:nvGrpSpPr>
        <p:grpSpPr>
          <a:xfrm>
            <a:off x="655964" y="4030112"/>
            <a:ext cx="4299045" cy="627797"/>
            <a:chOff x="2006220" y="3138985"/>
            <a:chExt cx="4299045" cy="627797"/>
          </a:xfrm>
        </p:grpSpPr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260E5C1A-9C1A-165F-4728-431AE3B29DF7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1F9D1F11-D886-DB16-CF2A-F5B96548490F}"/>
                </a:ext>
              </a:extLst>
            </p:cNvPr>
            <p:cNvSpPr txBox="1"/>
            <p:nvPr/>
          </p:nvSpPr>
          <p:spPr>
            <a:xfrm>
              <a:off x="2900727" y="3167146"/>
              <a:ext cx="276164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very large.</a:t>
              </a:r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BD4A33E6-D4C0-2F3B-3A02-A14D82E92F75}"/>
              </a:ext>
            </a:extLst>
          </p:cNvPr>
          <p:cNvGrpSpPr/>
          <p:nvPr/>
        </p:nvGrpSpPr>
        <p:grpSpPr>
          <a:xfrm>
            <a:off x="655964" y="4889921"/>
            <a:ext cx="4299045" cy="627797"/>
            <a:chOff x="2006220" y="3138985"/>
            <a:chExt cx="4299045" cy="627797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7177CD99-C015-ADE8-F79D-6242B56A6E90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6" name="TextBox 25">
              <a:extLst>
                <a:ext uri="{FF2B5EF4-FFF2-40B4-BE49-F238E27FC236}">
                  <a16:creationId xmlns:a16="http://schemas.microsoft.com/office/drawing/2014/main" id="{1E47CAB6-3CF2-9E6F-2B55-2B5F18E88E21}"/>
                </a:ext>
              </a:extLst>
            </p:cNvPr>
            <p:cNvSpPr txBox="1"/>
            <p:nvPr/>
          </p:nvSpPr>
          <p:spPr>
            <a:xfrm>
              <a:off x="2676938" y="3161391"/>
              <a:ext cx="3524250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has small ears.</a:t>
              </a:r>
            </a:p>
          </p:txBody>
        </p:sp>
      </p:grpSp>
      <p:grpSp>
        <p:nvGrpSpPr>
          <p:cNvPr id="38" name="Reveal">
            <a:extLst>
              <a:ext uri="{FF2B5EF4-FFF2-40B4-BE49-F238E27FC236}">
                <a16:creationId xmlns:a16="http://schemas.microsoft.com/office/drawing/2014/main" id="{E0A7C87A-22F8-FC35-CA7C-E79F8869A7EB}"/>
              </a:ext>
            </a:extLst>
          </p:cNvPr>
          <p:cNvGrpSpPr/>
          <p:nvPr/>
        </p:nvGrpSpPr>
        <p:grpSpPr>
          <a:xfrm>
            <a:off x="6724985" y="1538032"/>
            <a:ext cx="4572000" cy="3900196"/>
            <a:chOff x="6724985" y="1538032"/>
            <a:chExt cx="4572000" cy="3900196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63AD2464-9ACE-6A3A-8525-ED468EBF284B}"/>
                </a:ext>
              </a:extLst>
            </p:cNvPr>
            <p:cNvGrpSpPr/>
            <p:nvPr/>
          </p:nvGrpSpPr>
          <p:grpSpPr>
            <a:xfrm>
              <a:off x="6724985" y="1538032"/>
              <a:ext cx="4572000" cy="3900196"/>
              <a:chOff x="6363478" y="1474237"/>
              <a:chExt cx="4572000" cy="3900196"/>
            </a:xfrm>
          </p:grpSpPr>
          <p:sp>
            <p:nvSpPr>
              <p:cNvPr id="29" name="Rectangle: Rounded Corners 28">
                <a:extLst>
                  <a:ext uri="{FF2B5EF4-FFF2-40B4-BE49-F238E27FC236}">
                    <a16:creationId xmlns:a16="http://schemas.microsoft.com/office/drawing/2014/main" id="{F1EFC05A-BD2F-D46C-D804-3024D44D1594}"/>
                  </a:ext>
                </a:extLst>
              </p:cNvPr>
              <p:cNvSpPr/>
              <p:nvPr/>
            </p:nvSpPr>
            <p:spPr>
              <a:xfrm>
                <a:off x="6363478" y="1474237"/>
                <a:ext cx="4572000" cy="3900196"/>
              </a:xfrm>
              <a:prstGeom prst="roundRect">
                <a:avLst>
                  <a:gd name="adj" fmla="val 11404"/>
                </a:avLst>
              </a:prstGeom>
              <a:solidFill>
                <a:srgbClr val="FFC00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pic>
            <p:nvPicPr>
              <p:cNvPr id="32" name="Graphic 31" descr="Badge Question Mark with solid fill">
                <a:extLst>
                  <a:ext uri="{FF2B5EF4-FFF2-40B4-BE49-F238E27FC236}">
                    <a16:creationId xmlns:a16="http://schemas.microsoft.com/office/drawing/2014/main" id="{807F9BEF-BA34-74FF-D2D5-A6632260E90B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>
                <a:extLs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tretch>
                <a:fillRect/>
              </a:stretch>
            </p:blipFill>
            <p:spPr>
              <a:xfrm>
                <a:off x="7510130" y="2333848"/>
                <a:ext cx="2250558" cy="2250558"/>
              </a:xfrm>
              <a:prstGeom prst="rect">
                <a:avLst/>
              </a:prstGeom>
            </p:spPr>
          </p:pic>
        </p:grpSp>
        <p:sp>
          <p:nvSpPr>
            <p:cNvPr id="34" name="TextBox 33">
              <a:extLst>
                <a:ext uri="{FF2B5EF4-FFF2-40B4-BE49-F238E27FC236}">
                  <a16:creationId xmlns:a16="http://schemas.microsoft.com/office/drawing/2014/main" id="{67CF72A6-610B-4054-5DD6-638271B71468}"/>
                </a:ext>
              </a:extLst>
            </p:cNvPr>
            <p:cNvSpPr txBox="1"/>
            <p:nvPr/>
          </p:nvSpPr>
          <p:spPr>
            <a:xfrm>
              <a:off x="7134225" y="4640625"/>
              <a:ext cx="4129089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rgbClr val="0070C0"/>
                  </a:solidFill>
                </a:rPr>
                <a:t>Click to reveal picture.</a:t>
              </a:r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195744ED-934B-3202-2DF8-489C4CF70E1E}"/>
              </a:ext>
            </a:extLst>
          </p:cNvPr>
          <p:cNvGrpSpPr/>
          <p:nvPr/>
        </p:nvGrpSpPr>
        <p:grpSpPr>
          <a:xfrm>
            <a:off x="6883460" y="5579675"/>
            <a:ext cx="4299045" cy="627797"/>
            <a:chOff x="2006220" y="3138985"/>
            <a:chExt cx="4299045" cy="627797"/>
          </a:xfrm>
        </p:grpSpPr>
        <p:sp>
          <p:nvSpPr>
            <p:cNvPr id="36" name="Rectangle: Rounded Corners 35">
              <a:extLst>
                <a:ext uri="{FF2B5EF4-FFF2-40B4-BE49-F238E27FC236}">
                  <a16:creationId xmlns:a16="http://schemas.microsoft.com/office/drawing/2014/main" id="{EEA0313B-A816-5104-591C-AC9E8B75B16C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rgbClr val="00206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7" name="TextBox 36">
              <a:extLst>
                <a:ext uri="{FF2B5EF4-FFF2-40B4-BE49-F238E27FC236}">
                  <a16:creationId xmlns:a16="http://schemas.microsoft.com/office/drawing/2014/main" id="{7DFD4F7A-14FE-0B2E-4D1F-BEDC225221CC}"/>
                </a:ext>
              </a:extLst>
            </p:cNvPr>
            <p:cNvSpPr txBox="1"/>
            <p:nvPr/>
          </p:nvSpPr>
          <p:spPr>
            <a:xfrm>
              <a:off x="3023737" y="3167146"/>
              <a:ext cx="294119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a hippo.</a:t>
              </a:r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B384F7A6-8BB5-2E94-50E5-0D9259879670}"/>
              </a:ext>
            </a:extLst>
          </p:cNvPr>
          <p:cNvSpPr txBox="1"/>
          <p:nvPr/>
        </p:nvSpPr>
        <p:spPr>
          <a:xfrm>
            <a:off x="1684283" y="-12855"/>
            <a:ext cx="882215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 algn="ctr">
              <a:tabLst>
                <a:tab pos="515938" algn="l"/>
              </a:tabLst>
            </a:pPr>
            <a:r>
              <a:rPr lang="en-US" sz="3600" b="1" dirty="0">
                <a:cs typeface="Arial" panose="020B0604020202020204" pitchFamily="34" charset="0"/>
              </a:rPr>
              <a:t>Can you guess the animal? Read the tips. Make your guess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60488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6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30" dur="2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5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CF61A6E-0536-62CA-D654-18C01EA9A96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" name="Picture 29">
            <a:extLst>
              <a:ext uri="{FF2B5EF4-FFF2-40B4-BE49-F238E27FC236}">
                <a16:creationId xmlns:a16="http://schemas.microsoft.com/office/drawing/2014/main" id="{3E8F827F-0CE8-A1FB-74EC-1ADDD611FFAB}"/>
              </a:ext>
            </a:extLst>
          </p:cNvPr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765538" y="2701847"/>
            <a:ext cx="4534759" cy="1851103"/>
          </a:xfrm>
          <a:prstGeom prst="rect">
            <a:avLst/>
          </a:prstGeom>
        </p:spPr>
      </p:pic>
      <p:sp>
        <p:nvSpPr>
          <p:cNvPr id="4" name="object 73">
            <a:extLst>
              <a:ext uri="{FF2B5EF4-FFF2-40B4-BE49-F238E27FC236}">
                <a16:creationId xmlns:a16="http://schemas.microsoft.com/office/drawing/2014/main" id="{DF329F38-2FE1-DD52-DFE7-1EED8426AF19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/>
          </a:p>
        </p:txBody>
      </p:sp>
      <p:sp>
        <p:nvSpPr>
          <p:cNvPr id="2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8BB1A3F1-44AA-4C22-71ED-3FC35D4C9DA3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3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828C3C92-A124-539F-0B8B-72ED12958BC3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F1F5A981-300A-7D32-4C49-3F9CBDA7F13A}"/>
              </a:ext>
            </a:extLst>
          </p:cNvPr>
          <p:cNvSpPr/>
          <p:nvPr/>
        </p:nvSpPr>
        <p:spPr>
          <a:xfrm>
            <a:off x="723331" y="2251881"/>
            <a:ext cx="4135272" cy="627797"/>
          </a:xfrm>
          <a:prstGeom prst="roundRect">
            <a:avLst/>
          </a:prstGeom>
          <a:solidFill>
            <a:srgbClr val="00206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2B48EB45-48B0-965F-FB1C-5A575503A3EF}"/>
              </a:ext>
            </a:extLst>
          </p:cNvPr>
          <p:cNvSpPr txBox="1"/>
          <p:nvPr/>
        </p:nvSpPr>
        <p:spPr>
          <a:xfrm>
            <a:off x="955343" y="2292824"/>
            <a:ext cx="3739487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solidFill>
                  <a:schemeClr val="bg1"/>
                </a:solidFill>
              </a:rPr>
              <a:t>Click to read the tips.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C1BE9370-0599-2479-DA67-C68D6100CF74}"/>
              </a:ext>
            </a:extLst>
          </p:cNvPr>
          <p:cNvSpPr txBox="1"/>
          <p:nvPr/>
        </p:nvSpPr>
        <p:spPr>
          <a:xfrm>
            <a:off x="1842447" y="1542197"/>
            <a:ext cx="200622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b="1" dirty="0">
                <a:solidFill>
                  <a:srgbClr val="002060"/>
                </a:solidFill>
              </a:rPr>
              <a:t>Animal </a:t>
            </a:r>
            <a:r>
              <a:rPr lang="en-GB" sz="4000" b="1" dirty="0">
                <a:solidFill>
                  <a:srgbClr val="002060"/>
                </a:solidFill>
              </a:rPr>
              <a:t>5</a:t>
            </a:r>
          </a:p>
        </p:txBody>
      </p:sp>
      <p:grpSp>
        <p:nvGrpSpPr>
          <p:cNvPr id="11" name="Tip 1">
            <a:extLst>
              <a:ext uri="{FF2B5EF4-FFF2-40B4-BE49-F238E27FC236}">
                <a16:creationId xmlns:a16="http://schemas.microsoft.com/office/drawing/2014/main" id="{BFD135F2-9AA6-E5D5-F76A-425533723774}"/>
              </a:ext>
            </a:extLst>
          </p:cNvPr>
          <p:cNvGrpSpPr/>
          <p:nvPr/>
        </p:nvGrpSpPr>
        <p:grpSpPr>
          <a:xfrm>
            <a:off x="2006221" y="3179928"/>
            <a:ext cx="1760561" cy="627797"/>
            <a:chOff x="2006221" y="3138985"/>
            <a:chExt cx="1760561" cy="627797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C8F3FE64-B45D-0DAC-9C37-C168A21ED4B0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AA83EE08-1B56-411B-EB3F-A0396AB14F74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1</a:t>
              </a:r>
            </a:p>
          </p:txBody>
        </p:sp>
      </p:grpSp>
      <p:grpSp>
        <p:nvGrpSpPr>
          <p:cNvPr id="12" name="Tip 2">
            <a:extLst>
              <a:ext uri="{FF2B5EF4-FFF2-40B4-BE49-F238E27FC236}">
                <a16:creationId xmlns:a16="http://schemas.microsoft.com/office/drawing/2014/main" id="{20CAABCF-3B8B-FBCA-0A3E-B1888161D252}"/>
              </a:ext>
            </a:extLst>
          </p:cNvPr>
          <p:cNvGrpSpPr/>
          <p:nvPr/>
        </p:nvGrpSpPr>
        <p:grpSpPr>
          <a:xfrm>
            <a:off x="2006221" y="4039737"/>
            <a:ext cx="1760561" cy="627797"/>
            <a:chOff x="2006221" y="3138985"/>
            <a:chExt cx="1760561" cy="627797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EF29482E-120E-8AE2-9BF0-D829CF45DD8D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0BCAB4B8-3189-896A-5CA1-6F667C493DE1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2</a:t>
              </a:r>
            </a:p>
          </p:txBody>
        </p:sp>
      </p:grpSp>
      <p:grpSp>
        <p:nvGrpSpPr>
          <p:cNvPr id="15" name="Tip 3">
            <a:extLst>
              <a:ext uri="{FF2B5EF4-FFF2-40B4-BE49-F238E27FC236}">
                <a16:creationId xmlns:a16="http://schemas.microsoft.com/office/drawing/2014/main" id="{0AADBDEB-0987-3622-30E4-227E3EB72F5C}"/>
              </a:ext>
            </a:extLst>
          </p:cNvPr>
          <p:cNvGrpSpPr/>
          <p:nvPr/>
        </p:nvGrpSpPr>
        <p:grpSpPr>
          <a:xfrm>
            <a:off x="2006221" y="4899546"/>
            <a:ext cx="1760561" cy="627797"/>
            <a:chOff x="2006221" y="3138985"/>
            <a:chExt cx="1760561" cy="627797"/>
          </a:xfrm>
        </p:grpSpPr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8DAAF59-AE93-DC98-7183-DB1FFCC7275E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80A9EF3F-AFD0-FD7B-A49D-11BC5E5D8624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3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CD565C49-292C-0D2F-E446-12B0F5DFAEE5}"/>
              </a:ext>
            </a:extLst>
          </p:cNvPr>
          <p:cNvGrpSpPr/>
          <p:nvPr/>
        </p:nvGrpSpPr>
        <p:grpSpPr>
          <a:xfrm>
            <a:off x="642316" y="3170303"/>
            <a:ext cx="4379626" cy="627797"/>
            <a:chOff x="2006220" y="3138985"/>
            <a:chExt cx="4379626" cy="627797"/>
          </a:xfrm>
        </p:grpSpPr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4D579F81-6B5B-F942-AB65-91F46AF3C237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895D95FE-2382-4DA4-CC52-1F966AD74E6E}"/>
                </a:ext>
              </a:extLst>
            </p:cNvPr>
            <p:cNvSpPr txBox="1"/>
            <p:nvPr/>
          </p:nvSpPr>
          <p:spPr>
            <a:xfrm>
              <a:off x="2602821" y="3148097"/>
              <a:ext cx="378302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has a long body.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C3183786-325E-4F5B-EE03-A35890B749CA}"/>
              </a:ext>
            </a:extLst>
          </p:cNvPr>
          <p:cNvGrpSpPr/>
          <p:nvPr/>
        </p:nvGrpSpPr>
        <p:grpSpPr>
          <a:xfrm>
            <a:off x="655964" y="4030112"/>
            <a:ext cx="4299045" cy="627797"/>
            <a:chOff x="2006220" y="3138985"/>
            <a:chExt cx="4299045" cy="627797"/>
          </a:xfrm>
        </p:grpSpPr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CB9E677C-93FE-EAF6-0B11-0C3C437242BB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50E0EC05-D04D-B613-C98B-779965EDBA23}"/>
                </a:ext>
              </a:extLst>
            </p:cNvPr>
            <p:cNvSpPr txBox="1"/>
            <p:nvPr/>
          </p:nvSpPr>
          <p:spPr>
            <a:xfrm>
              <a:off x="2512306" y="3167146"/>
              <a:ext cx="3790951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has a small head.</a:t>
              </a:r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5257B813-F71D-DA4B-B2AA-6DEA2C1A0213}"/>
              </a:ext>
            </a:extLst>
          </p:cNvPr>
          <p:cNvGrpSpPr/>
          <p:nvPr/>
        </p:nvGrpSpPr>
        <p:grpSpPr>
          <a:xfrm>
            <a:off x="655964" y="4889921"/>
            <a:ext cx="4354186" cy="627797"/>
            <a:chOff x="2006220" y="3138985"/>
            <a:chExt cx="4354186" cy="627797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509BC00D-9650-DAC2-6870-E4E8B2693147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6" name="TextBox 25">
              <a:extLst>
                <a:ext uri="{FF2B5EF4-FFF2-40B4-BE49-F238E27FC236}">
                  <a16:creationId xmlns:a16="http://schemas.microsoft.com/office/drawing/2014/main" id="{672C3791-8A39-6C24-BEFE-78D25E883B6D}"/>
                </a:ext>
              </a:extLst>
            </p:cNvPr>
            <p:cNvSpPr txBox="1"/>
            <p:nvPr/>
          </p:nvSpPr>
          <p:spPr>
            <a:xfrm>
              <a:off x="2321806" y="3151766"/>
              <a:ext cx="4038600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does not have legs.</a:t>
              </a:r>
            </a:p>
          </p:txBody>
        </p:sp>
      </p:grpSp>
      <p:grpSp>
        <p:nvGrpSpPr>
          <p:cNvPr id="38" name="Reveal">
            <a:extLst>
              <a:ext uri="{FF2B5EF4-FFF2-40B4-BE49-F238E27FC236}">
                <a16:creationId xmlns:a16="http://schemas.microsoft.com/office/drawing/2014/main" id="{B0F0BD18-D99C-2804-8051-FC49B0792581}"/>
              </a:ext>
            </a:extLst>
          </p:cNvPr>
          <p:cNvGrpSpPr/>
          <p:nvPr/>
        </p:nvGrpSpPr>
        <p:grpSpPr>
          <a:xfrm>
            <a:off x="6724985" y="1538032"/>
            <a:ext cx="4572000" cy="3900196"/>
            <a:chOff x="6724985" y="1538032"/>
            <a:chExt cx="4572000" cy="3900196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55183FD1-44F3-BD3C-47FF-26735E60DF46}"/>
                </a:ext>
              </a:extLst>
            </p:cNvPr>
            <p:cNvGrpSpPr/>
            <p:nvPr/>
          </p:nvGrpSpPr>
          <p:grpSpPr>
            <a:xfrm>
              <a:off x="6724985" y="1538032"/>
              <a:ext cx="4572000" cy="3900196"/>
              <a:chOff x="6363478" y="1474237"/>
              <a:chExt cx="4572000" cy="3900196"/>
            </a:xfrm>
          </p:grpSpPr>
          <p:sp>
            <p:nvSpPr>
              <p:cNvPr id="29" name="Rectangle: Rounded Corners 28">
                <a:extLst>
                  <a:ext uri="{FF2B5EF4-FFF2-40B4-BE49-F238E27FC236}">
                    <a16:creationId xmlns:a16="http://schemas.microsoft.com/office/drawing/2014/main" id="{DAC60DE3-951E-BEC5-69E2-A4D9AFFE9EE0}"/>
                  </a:ext>
                </a:extLst>
              </p:cNvPr>
              <p:cNvSpPr/>
              <p:nvPr/>
            </p:nvSpPr>
            <p:spPr>
              <a:xfrm>
                <a:off x="6363478" y="1474237"/>
                <a:ext cx="4572000" cy="3900196"/>
              </a:xfrm>
              <a:prstGeom prst="roundRect">
                <a:avLst>
                  <a:gd name="adj" fmla="val 11404"/>
                </a:avLst>
              </a:prstGeom>
              <a:solidFill>
                <a:srgbClr val="FFC00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pic>
            <p:nvPicPr>
              <p:cNvPr id="32" name="Graphic 31" descr="Badge Question Mark with solid fill">
                <a:extLst>
                  <a:ext uri="{FF2B5EF4-FFF2-40B4-BE49-F238E27FC236}">
                    <a16:creationId xmlns:a16="http://schemas.microsoft.com/office/drawing/2014/main" id="{8B6A28E5-76F0-68D4-D794-FEE12E00192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>
                <a:extLs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tretch>
                <a:fillRect/>
              </a:stretch>
            </p:blipFill>
            <p:spPr>
              <a:xfrm>
                <a:off x="7510130" y="2333848"/>
                <a:ext cx="2250558" cy="2250558"/>
              </a:xfrm>
              <a:prstGeom prst="rect">
                <a:avLst/>
              </a:prstGeom>
            </p:spPr>
          </p:pic>
        </p:grpSp>
        <p:sp>
          <p:nvSpPr>
            <p:cNvPr id="34" name="TextBox 33">
              <a:extLst>
                <a:ext uri="{FF2B5EF4-FFF2-40B4-BE49-F238E27FC236}">
                  <a16:creationId xmlns:a16="http://schemas.microsoft.com/office/drawing/2014/main" id="{B3832072-3DD4-97A8-36C6-4E7A315C608D}"/>
                </a:ext>
              </a:extLst>
            </p:cNvPr>
            <p:cNvSpPr txBox="1"/>
            <p:nvPr/>
          </p:nvSpPr>
          <p:spPr>
            <a:xfrm>
              <a:off x="7134225" y="4640625"/>
              <a:ext cx="4129089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rgbClr val="0070C0"/>
                  </a:solidFill>
                </a:rPr>
                <a:t>Click to reveal picture.</a:t>
              </a:r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76D53EA3-253C-DA42-534D-696C19FD30A4}"/>
              </a:ext>
            </a:extLst>
          </p:cNvPr>
          <p:cNvGrpSpPr/>
          <p:nvPr/>
        </p:nvGrpSpPr>
        <p:grpSpPr>
          <a:xfrm>
            <a:off x="6883460" y="5579675"/>
            <a:ext cx="4299045" cy="627797"/>
            <a:chOff x="2006220" y="3138985"/>
            <a:chExt cx="4299045" cy="627797"/>
          </a:xfrm>
        </p:grpSpPr>
        <p:sp>
          <p:nvSpPr>
            <p:cNvPr id="36" name="Rectangle: Rounded Corners 35">
              <a:extLst>
                <a:ext uri="{FF2B5EF4-FFF2-40B4-BE49-F238E27FC236}">
                  <a16:creationId xmlns:a16="http://schemas.microsoft.com/office/drawing/2014/main" id="{2BEA586A-A779-1858-F3B5-D5B7D9381891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rgbClr val="00206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7" name="TextBox 36">
              <a:extLst>
                <a:ext uri="{FF2B5EF4-FFF2-40B4-BE49-F238E27FC236}">
                  <a16:creationId xmlns:a16="http://schemas.microsoft.com/office/drawing/2014/main" id="{38702570-5644-0BC5-218E-C21FA2327F2A}"/>
                </a:ext>
              </a:extLst>
            </p:cNvPr>
            <p:cNvSpPr txBox="1"/>
            <p:nvPr/>
          </p:nvSpPr>
          <p:spPr>
            <a:xfrm>
              <a:off x="3023737" y="3167146"/>
              <a:ext cx="294119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a snake.</a:t>
              </a:r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6B161AF7-2267-159C-A238-AC8726DCC97C}"/>
              </a:ext>
            </a:extLst>
          </p:cNvPr>
          <p:cNvSpPr txBox="1"/>
          <p:nvPr/>
        </p:nvSpPr>
        <p:spPr>
          <a:xfrm>
            <a:off x="1684283" y="-12855"/>
            <a:ext cx="882215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 algn="ctr">
              <a:tabLst>
                <a:tab pos="515938" algn="l"/>
              </a:tabLst>
            </a:pPr>
            <a:r>
              <a:rPr lang="en-US" sz="3600" b="1" dirty="0">
                <a:cs typeface="Arial" panose="020B0604020202020204" pitchFamily="34" charset="0"/>
              </a:rPr>
              <a:t>Can you guess the animal? Read the tips. Make your guess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535674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6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30" dur="2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5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F658FA0-5707-BBE5-55E5-08C9322D5B0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8" name="Picture 27">
            <a:extLst>
              <a:ext uri="{FF2B5EF4-FFF2-40B4-BE49-F238E27FC236}">
                <a16:creationId xmlns:a16="http://schemas.microsoft.com/office/drawing/2014/main" id="{D59F7E10-B282-BD28-2262-C424B14A8319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264413" y="2137629"/>
            <a:ext cx="3496350" cy="3050387"/>
          </a:xfrm>
          <a:prstGeom prst="rect">
            <a:avLst/>
          </a:prstGeom>
        </p:spPr>
      </p:pic>
      <p:sp>
        <p:nvSpPr>
          <p:cNvPr id="4" name="object 73">
            <a:extLst>
              <a:ext uri="{FF2B5EF4-FFF2-40B4-BE49-F238E27FC236}">
                <a16:creationId xmlns:a16="http://schemas.microsoft.com/office/drawing/2014/main" id="{49630CBD-9973-FAD9-D4C6-ED16ABA9147C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/>
          </a:p>
        </p:txBody>
      </p:sp>
      <p:sp>
        <p:nvSpPr>
          <p:cNvPr id="2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7CD816EC-2284-A923-5D03-7046A521FBE4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3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36F2D9DB-836B-F7BC-4191-698EBA7DA8EE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E1B7F300-B7DE-70A6-B137-47A516B2922F}"/>
              </a:ext>
            </a:extLst>
          </p:cNvPr>
          <p:cNvSpPr/>
          <p:nvPr/>
        </p:nvSpPr>
        <p:spPr>
          <a:xfrm>
            <a:off x="723331" y="2251881"/>
            <a:ext cx="4135272" cy="627797"/>
          </a:xfrm>
          <a:prstGeom prst="roundRect">
            <a:avLst/>
          </a:prstGeom>
          <a:solidFill>
            <a:srgbClr val="00206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6A98C7C2-C74C-9BA0-CC64-5AE1E74ECDDA}"/>
              </a:ext>
            </a:extLst>
          </p:cNvPr>
          <p:cNvSpPr txBox="1"/>
          <p:nvPr/>
        </p:nvSpPr>
        <p:spPr>
          <a:xfrm>
            <a:off x="955343" y="2292824"/>
            <a:ext cx="3739487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solidFill>
                  <a:schemeClr val="bg1"/>
                </a:solidFill>
              </a:rPr>
              <a:t>Click to read the tips.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7042DB8A-522A-68A3-2205-4AC223E0A495}"/>
              </a:ext>
            </a:extLst>
          </p:cNvPr>
          <p:cNvSpPr txBox="1"/>
          <p:nvPr/>
        </p:nvSpPr>
        <p:spPr>
          <a:xfrm>
            <a:off x="1842447" y="1542197"/>
            <a:ext cx="200622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b="1" dirty="0">
                <a:solidFill>
                  <a:srgbClr val="002060"/>
                </a:solidFill>
              </a:rPr>
              <a:t>Animal </a:t>
            </a:r>
            <a:r>
              <a:rPr lang="en-GB" sz="4000" b="1" dirty="0">
                <a:solidFill>
                  <a:srgbClr val="002060"/>
                </a:solidFill>
              </a:rPr>
              <a:t>6</a:t>
            </a:r>
          </a:p>
        </p:txBody>
      </p:sp>
      <p:grpSp>
        <p:nvGrpSpPr>
          <p:cNvPr id="11" name="Tip 1">
            <a:extLst>
              <a:ext uri="{FF2B5EF4-FFF2-40B4-BE49-F238E27FC236}">
                <a16:creationId xmlns:a16="http://schemas.microsoft.com/office/drawing/2014/main" id="{2684403D-F0EA-1B1F-10D5-8318FD573AFE}"/>
              </a:ext>
            </a:extLst>
          </p:cNvPr>
          <p:cNvGrpSpPr/>
          <p:nvPr/>
        </p:nvGrpSpPr>
        <p:grpSpPr>
          <a:xfrm>
            <a:off x="2006221" y="3179928"/>
            <a:ext cx="1760561" cy="627797"/>
            <a:chOff x="2006221" y="3138985"/>
            <a:chExt cx="1760561" cy="627797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F2E84982-ECFE-864B-0311-853BBA771167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23D742C8-01B9-ED79-8053-48B6D0465BC8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1</a:t>
              </a:r>
            </a:p>
          </p:txBody>
        </p:sp>
      </p:grpSp>
      <p:grpSp>
        <p:nvGrpSpPr>
          <p:cNvPr id="12" name="Tip 2">
            <a:extLst>
              <a:ext uri="{FF2B5EF4-FFF2-40B4-BE49-F238E27FC236}">
                <a16:creationId xmlns:a16="http://schemas.microsoft.com/office/drawing/2014/main" id="{E18A3FD6-F873-B822-3580-3F5531FDE216}"/>
              </a:ext>
            </a:extLst>
          </p:cNvPr>
          <p:cNvGrpSpPr/>
          <p:nvPr/>
        </p:nvGrpSpPr>
        <p:grpSpPr>
          <a:xfrm>
            <a:off x="2006221" y="4039737"/>
            <a:ext cx="1760561" cy="627797"/>
            <a:chOff x="2006221" y="3138985"/>
            <a:chExt cx="1760561" cy="627797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8F4D5D5-07BC-27D5-DB02-0847A1CBFC97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56C413C4-5E8F-173E-E977-05BCA33DA9F5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2</a:t>
              </a:r>
            </a:p>
          </p:txBody>
        </p:sp>
      </p:grpSp>
      <p:grpSp>
        <p:nvGrpSpPr>
          <p:cNvPr id="15" name="Tip 3">
            <a:extLst>
              <a:ext uri="{FF2B5EF4-FFF2-40B4-BE49-F238E27FC236}">
                <a16:creationId xmlns:a16="http://schemas.microsoft.com/office/drawing/2014/main" id="{6726CD78-1F7B-CE48-E64D-B79607AC6E37}"/>
              </a:ext>
            </a:extLst>
          </p:cNvPr>
          <p:cNvGrpSpPr/>
          <p:nvPr/>
        </p:nvGrpSpPr>
        <p:grpSpPr>
          <a:xfrm>
            <a:off x="2006221" y="4899546"/>
            <a:ext cx="1760561" cy="627797"/>
            <a:chOff x="2006221" y="3138985"/>
            <a:chExt cx="1760561" cy="627797"/>
          </a:xfrm>
        </p:grpSpPr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3E32FFA2-0B5B-6EE2-9A58-3828BA70C420}"/>
                </a:ext>
              </a:extLst>
            </p:cNvPr>
            <p:cNvSpPr/>
            <p:nvPr/>
          </p:nvSpPr>
          <p:spPr>
            <a:xfrm>
              <a:off x="2006221" y="3138985"/>
              <a:ext cx="1583140" cy="627797"/>
            </a:xfrm>
            <a:prstGeom prst="roundRect">
              <a:avLst/>
            </a:prstGeom>
            <a:solidFill>
              <a:srgbClr val="C5DDA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DF22B4C7-3437-AB18-734D-EB14E3AC1513}"/>
                </a:ext>
              </a:extLst>
            </p:cNvPr>
            <p:cNvSpPr txBox="1"/>
            <p:nvPr/>
          </p:nvSpPr>
          <p:spPr>
            <a:xfrm>
              <a:off x="2210937" y="3152632"/>
              <a:ext cx="15558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b="1" dirty="0">
                  <a:latin typeface="Amasis MT Pro Black" panose="02040A04050005020304" pitchFamily="18" charset="0"/>
                  <a:cs typeface="Aharoni" panose="02010803020104030203" pitchFamily="2" charset="-79"/>
                </a:rPr>
                <a:t>Tip 3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BC775472-58F7-031D-7D50-E92E6B0BFA87}"/>
              </a:ext>
            </a:extLst>
          </p:cNvPr>
          <p:cNvGrpSpPr/>
          <p:nvPr/>
        </p:nvGrpSpPr>
        <p:grpSpPr>
          <a:xfrm>
            <a:off x="642316" y="3170303"/>
            <a:ext cx="4299045" cy="627797"/>
            <a:chOff x="2006220" y="3138985"/>
            <a:chExt cx="4299045" cy="627797"/>
          </a:xfrm>
        </p:grpSpPr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E73E87A5-ECBC-0D77-9342-3291CB7FB25E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C5FBEE76-06C7-D73D-76CE-3F13171E0F0D}"/>
                </a:ext>
              </a:extLst>
            </p:cNvPr>
            <p:cNvSpPr txBox="1"/>
            <p:nvPr/>
          </p:nvSpPr>
          <p:spPr>
            <a:xfrm>
              <a:off x="2429566" y="3148097"/>
              <a:ext cx="378302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black and white.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7A4E398C-DEBA-C235-11BF-DA984E628467}"/>
              </a:ext>
            </a:extLst>
          </p:cNvPr>
          <p:cNvGrpSpPr/>
          <p:nvPr/>
        </p:nvGrpSpPr>
        <p:grpSpPr>
          <a:xfrm>
            <a:off x="655964" y="4030112"/>
            <a:ext cx="4299045" cy="627797"/>
            <a:chOff x="2006220" y="3138985"/>
            <a:chExt cx="4299045" cy="627797"/>
          </a:xfrm>
        </p:grpSpPr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6D82D5B0-8D70-AC78-E2E7-5F6F2936B003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68A92F9B-DDAC-ED11-0C12-CC7100DD2463}"/>
                </a:ext>
              </a:extLst>
            </p:cNvPr>
            <p:cNvSpPr txBox="1"/>
            <p:nvPr/>
          </p:nvSpPr>
          <p:spPr>
            <a:xfrm>
              <a:off x="3012820" y="3157521"/>
              <a:ext cx="238004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has a tail.</a:t>
              </a:r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6E8258EF-0B60-2B47-D9BE-D9FF6D0E5A3E}"/>
              </a:ext>
            </a:extLst>
          </p:cNvPr>
          <p:cNvGrpSpPr/>
          <p:nvPr/>
        </p:nvGrpSpPr>
        <p:grpSpPr>
          <a:xfrm>
            <a:off x="655964" y="4889921"/>
            <a:ext cx="4299045" cy="627797"/>
            <a:chOff x="2006220" y="3138985"/>
            <a:chExt cx="4299045" cy="627797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A3DB3A42-7D44-BAA9-F3A3-484F2112121C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chemeClr val="accent6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6" name="TextBox 25">
              <a:extLst>
                <a:ext uri="{FF2B5EF4-FFF2-40B4-BE49-F238E27FC236}">
                  <a16:creationId xmlns:a16="http://schemas.microsoft.com/office/drawing/2014/main" id="{1F1C53A6-3D4C-86CA-6063-A76F5EECA645}"/>
                </a:ext>
              </a:extLst>
            </p:cNvPr>
            <p:cNvSpPr txBox="1"/>
            <p:nvPr/>
          </p:nvSpPr>
          <p:spPr>
            <a:xfrm>
              <a:off x="2591315" y="3151766"/>
              <a:ext cx="344644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runs quite fast.</a:t>
              </a:r>
            </a:p>
          </p:txBody>
        </p:sp>
      </p:grpSp>
      <p:grpSp>
        <p:nvGrpSpPr>
          <p:cNvPr id="38" name="Reveal">
            <a:extLst>
              <a:ext uri="{FF2B5EF4-FFF2-40B4-BE49-F238E27FC236}">
                <a16:creationId xmlns:a16="http://schemas.microsoft.com/office/drawing/2014/main" id="{AC4B3A45-F3AB-5564-BF19-5B16B290D456}"/>
              </a:ext>
            </a:extLst>
          </p:cNvPr>
          <p:cNvGrpSpPr/>
          <p:nvPr/>
        </p:nvGrpSpPr>
        <p:grpSpPr>
          <a:xfrm>
            <a:off x="6724985" y="1538032"/>
            <a:ext cx="4572000" cy="3900196"/>
            <a:chOff x="6724985" y="1538032"/>
            <a:chExt cx="4572000" cy="3900196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EED2A05C-C788-64A3-3019-76D58654A26D}"/>
                </a:ext>
              </a:extLst>
            </p:cNvPr>
            <p:cNvGrpSpPr/>
            <p:nvPr/>
          </p:nvGrpSpPr>
          <p:grpSpPr>
            <a:xfrm>
              <a:off x="6724985" y="1538032"/>
              <a:ext cx="4572000" cy="3900196"/>
              <a:chOff x="6363478" y="1474237"/>
              <a:chExt cx="4572000" cy="3900196"/>
            </a:xfrm>
          </p:grpSpPr>
          <p:sp>
            <p:nvSpPr>
              <p:cNvPr id="29" name="Rectangle: Rounded Corners 28">
                <a:extLst>
                  <a:ext uri="{FF2B5EF4-FFF2-40B4-BE49-F238E27FC236}">
                    <a16:creationId xmlns:a16="http://schemas.microsoft.com/office/drawing/2014/main" id="{4E1D5232-6D6F-AD4C-E3D0-F29BE683443C}"/>
                  </a:ext>
                </a:extLst>
              </p:cNvPr>
              <p:cNvSpPr/>
              <p:nvPr/>
            </p:nvSpPr>
            <p:spPr>
              <a:xfrm>
                <a:off x="6363478" y="1474237"/>
                <a:ext cx="4572000" cy="3900196"/>
              </a:xfrm>
              <a:prstGeom prst="roundRect">
                <a:avLst>
                  <a:gd name="adj" fmla="val 11404"/>
                </a:avLst>
              </a:prstGeom>
              <a:solidFill>
                <a:srgbClr val="FFC00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pic>
            <p:nvPicPr>
              <p:cNvPr id="32" name="Graphic 31" descr="Badge Question Mark with solid fill">
                <a:extLst>
                  <a:ext uri="{FF2B5EF4-FFF2-40B4-BE49-F238E27FC236}">
                    <a16:creationId xmlns:a16="http://schemas.microsoft.com/office/drawing/2014/main" id="{36596578-D1CC-D00B-03DD-41F01929A53E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>
                <a:extLs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tretch>
                <a:fillRect/>
              </a:stretch>
            </p:blipFill>
            <p:spPr>
              <a:xfrm>
                <a:off x="7510130" y="2333848"/>
                <a:ext cx="2250558" cy="2250558"/>
              </a:xfrm>
              <a:prstGeom prst="rect">
                <a:avLst/>
              </a:prstGeom>
            </p:spPr>
          </p:pic>
        </p:grpSp>
        <p:sp>
          <p:nvSpPr>
            <p:cNvPr id="34" name="TextBox 33">
              <a:extLst>
                <a:ext uri="{FF2B5EF4-FFF2-40B4-BE49-F238E27FC236}">
                  <a16:creationId xmlns:a16="http://schemas.microsoft.com/office/drawing/2014/main" id="{015627D5-4474-B1B8-228F-3702BDFF79F3}"/>
                </a:ext>
              </a:extLst>
            </p:cNvPr>
            <p:cNvSpPr txBox="1"/>
            <p:nvPr/>
          </p:nvSpPr>
          <p:spPr>
            <a:xfrm>
              <a:off x="7134225" y="4640625"/>
              <a:ext cx="4129089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rgbClr val="0070C0"/>
                  </a:solidFill>
                </a:rPr>
                <a:t>Click to reveal picture.</a:t>
              </a:r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47239039-66B5-7D8F-2626-E6D590AF128C}"/>
              </a:ext>
            </a:extLst>
          </p:cNvPr>
          <p:cNvGrpSpPr/>
          <p:nvPr/>
        </p:nvGrpSpPr>
        <p:grpSpPr>
          <a:xfrm>
            <a:off x="6883460" y="5579675"/>
            <a:ext cx="4299045" cy="627797"/>
            <a:chOff x="2006220" y="3138985"/>
            <a:chExt cx="4299045" cy="627797"/>
          </a:xfrm>
        </p:grpSpPr>
        <p:sp>
          <p:nvSpPr>
            <p:cNvPr id="36" name="Rectangle: Rounded Corners 35">
              <a:extLst>
                <a:ext uri="{FF2B5EF4-FFF2-40B4-BE49-F238E27FC236}">
                  <a16:creationId xmlns:a16="http://schemas.microsoft.com/office/drawing/2014/main" id="{9B8C033F-8436-35DE-9E89-18C8BA15C0CD}"/>
                </a:ext>
              </a:extLst>
            </p:cNvPr>
            <p:cNvSpPr/>
            <p:nvPr/>
          </p:nvSpPr>
          <p:spPr>
            <a:xfrm>
              <a:off x="2006220" y="3138985"/>
              <a:ext cx="4299045" cy="627797"/>
            </a:xfrm>
            <a:prstGeom prst="roundRect">
              <a:avLst>
                <a:gd name="adj" fmla="val 0"/>
              </a:avLst>
            </a:prstGeom>
            <a:solidFill>
              <a:srgbClr val="00206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7" name="TextBox 36">
              <a:extLst>
                <a:ext uri="{FF2B5EF4-FFF2-40B4-BE49-F238E27FC236}">
                  <a16:creationId xmlns:a16="http://schemas.microsoft.com/office/drawing/2014/main" id="{F8EAA318-B302-1B4E-0C62-45B2F0D4A759}"/>
                </a:ext>
              </a:extLst>
            </p:cNvPr>
            <p:cNvSpPr txBox="1"/>
            <p:nvPr/>
          </p:nvSpPr>
          <p:spPr>
            <a:xfrm>
              <a:off x="3023737" y="3167146"/>
              <a:ext cx="294119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3200" dirty="0">
                  <a:solidFill>
                    <a:schemeClr val="bg1"/>
                  </a:solidFill>
                  <a:latin typeface="Calibri" panose="020F0502020204030204" pitchFamily="34" charset="0"/>
                  <a:ea typeface="Calibri" panose="020F0502020204030204" pitchFamily="34" charset="0"/>
                  <a:cs typeface="Calibri" panose="020F0502020204030204" pitchFamily="34" charset="0"/>
                </a:rPr>
                <a:t>It is a zebra.</a:t>
              </a:r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A03A92D4-FC1E-3CC9-D469-8E96D3F81094}"/>
              </a:ext>
            </a:extLst>
          </p:cNvPr>
          <p:cNvSpPr txBox="1"/>
          <p:nvPr/>
        </p:nvSpPr>
        <p:spPr>
          <a:xfrm>
            <a:off x="1684283" y="-12855"/>
            <a:ext cx="882215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 algn="ctr">
              <a:tabLst>
                <a:tab pos="515938" algn="l"/>
              </a:tabLst>
            </a:pPr>
            <a:r>
              <a:rPr lang="en-US" sz="3600" b="1" dirty="0">
                <a:cs typeface="Arial" panose="020B0604020202020204" pitchFamily="34" charset="0"/>
              </a:rPr>
              <a:t>Can you guess the animal? Read the tips. Make your guess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538471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6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30" dur="2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5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9" name="文字方塊 2"/>
          <p:cNvSpPr txBox="1">
            <a:spLocks noChangeArrowheads="1"/>
          </p:cNvSpPr>
          <p:nvPr/>
        </p:nvSpPr>
        <p:spPr bwMode="auto">
          <a:xfrm>
            <a:off x="1524000" y="-26988"/>
            <a:ext cx="9124950" cy="738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9pPr>
          </a:lstStyle>
          <a:p>
            <a:pPr marL="0" marR="0" lvl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000" b="1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itchFamily="34" charset="0"/>
                <a:ea typeface="新細明體" pitchFamily="18" charset="-120"/>
                <a:cs typeface="+mn-cs"/>
              </a:rPr>
              <a:t>Vocabulary Activity 2</a:t>
            </a:r>
            <a:r>
              <a:rPr kumimoji="0" lang="en-US" altLang="zh-HK" sz="4200" b="1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itchFamily="34" charset="0"/>
                <a:ea typeface="新細明體" pitchFamily="18" charset="-120"/>
                <a:cs typeface="+mn-cs"/>
              </a:rPr>
              <a:t> </a:t>
            </a:r>
            <a:endParaRPr kumimoji="0" lang="zh-HK" altLang="en-US" sz="4200" b="1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itchFamily="34" charset="0"/>
              <a:ea typeface="新細明體" pitchFamily="18" charset="-120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44159055"/>
      </p:ext>
    </p:extLst>
  </p:cSld>
  <p:clrMapOvr>
    <a:masterClrMapping/>
  </p:clrMapOvr>
  <p:transition spd="slow">
    <p:push dir="u"/>
  </p:transition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9">
            <a:extLst>
              <a:ext uri="{FF2B5EF4-FFF2-40B4-BE49-F238E27FC236}">
                <a16:creationId xmlns:a16="http://schemas.microsoft.com/office/drawing/2014/main" id="{22C9B03A-8C59-4445-A59D-F33DB5607C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39148" y="404664"/>
            <a:ext cx="10656028" cy="5688632"/>
          </a:xfrm>
          <a:prstGeom prst="rect">
            <a:avLst/>
          </a:prstGeom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lIns="91440" tIns="45720" rIns="91440" bIns="45720" rtlCol="0" anchor="t">
            <a:no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1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Acknowledgements</a:t>
            </a:r>
            <a:endParaRPr lang="en-US" altLang="zh-TW" sz="1400" b="1" i="0" u="none" strike="noStrike" kern="1200" cap="none" spc="0" normalizeH="0" baseline="0" noProof="0" dirty="0">
              <a:ln>
                <a:noFill/>
              </a:ln>
              <a:effectLst/>
              <a:uLnTx/>
              <a:uFillTx/>
              <a:latin typeface="+mn-lt"/>
            </a:endParaRPr>
          </a:p>
          <a:p>
            <a:pPr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We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would like 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to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thank 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the following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organisations and people 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for permission to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use their images, audio and videos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:</a:t>
            </a:r>
            <a:endParaRPr lang="en-US" sz="1400" dirty="0">
              <a:solidFill>
                <a:srgbClr val="212121"/>
              </a:solidFill>
              <a:latin typeface="Calibri"/>
              <a:cs typeface="Segoe UI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Font typeface="Verdana" panose="020B0604030504040204" pitchFamily="34" charset="0"/>
              <a:buNone/>
              <a:tabLst/>
              <a:defRPr/>
            </a:pPr>
            <a:endParaRPr kumimoji="0" lang="en-US" altLang="zh-TW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</p:txBody>
      </p:sp>
      <p:sp>
        <p:nvSpPr>
          <p:cNvPr id="2" name="文字方塊 9">
            <a:extLst>
              <a:ext uri="{FF2B5EF4-FFF2-40B4-BE49-F238E27FC236}">
                <a16:creationId xmlns:a16="http://schemas.microsoft.com/office/drawing/2014/main" id="{414AD013-F72C-9629-3B4B-7BF4662BAEB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39148" y="1208564"/>
            <a:ext cx="10656028" cy="5172764"/>
          </a:xfrm>
          <a:prstGeom prst="rect">
            <a:avLst/>
          </a:prstGeom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lIns="91440" tIns="45720" rIns="91440" bIns="45720" numCol="3" rtlCol="0" anchor="t">
            <a:no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Andrii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Bezvershenko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Eric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Isselee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Iakov Filimonov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Iakov Filimonov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Independent birds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J.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Lekavicius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jaroslav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V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Kwadrat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Passakorn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Umpornmah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PetlinDmitry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Thanakorn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Hongphan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zuperi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 / Shutterstock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88401737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18">
            <a:extLst>
              <a:ext uri="{FF2B5EF4-FFF2-40B4-BE49-F238E27FC236}">
                <a16:creationId xmlns:a16="http://schemas.microsoft.com/office/drawing/2014/main" id="{245E7823-7E35-EA65-7420-0AEA2327CE57}"/>
              </a:ext>
            </a:extLst>
          </p:cNvPr>
          <p:cNvSpPr/>
          <p:nvPr/>
        </p:nvSpPr>
        <p:spPr>
          <a:xfrm>
            <a:off x="2165685" y="2581459"/>
            <a:ext cx="7517330" cy="1259022"/>
          </a:xfrm>
          <a:prstGeom prst="rect">
            <a:avLst/>
          </a:prstGeom>
          <a:solidFill>
            <a:schemeClr val="bg1"/>
          </a:solidFill>
          <a:ln w="571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kumimoji="0" lang="en-US" altLang="zh-HK" sz="6000" b="1" dirty="0">
                <a:solidFill>
                  <a:srgbClr val="0070C0"/>
                </a:solidFill>
              </a:rPr>
              <a:t>Zoo animals</a:t>
            </a:r>
          </a:p>
        </p:txBody>
      </p:sp>
      <p:sp>
        <p:nvSpPr>
          <p:cNvPr id="5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BB67199F-F3C2-5AA3-1364-F62380308540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3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02E655AD-04CD-88DE-AABB-A4ACC9C7B086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8" name="audio button">
            <a:extLst>
              <a:ext uri="{FF2B5EF4-FFF2-40B4-BE49-F238E27FC236}">
                <a16:creationId xmlns:a16="http://schemas.microsoft.com/office/drawing/2014/main" id="{928652D2-EAA3-397D-7890-229C71E0CB86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3284027" y="2996539"/>
            <a:ext cx="490537" cy="464719"/>
          </a:xfrm>
          <a:prstGeom prst="rect">
            <a:avLst/>
          </a:prstGeom>
        </p:spPr>
      </p:pic>
      <p:pic>
        <p:nvPicPr>
          <p:cNvPr id="2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452A20F3-2C7F-0790-B97A-AE09FAE3605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581" end="45166.4375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501333" y="300777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462480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650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8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F5486CCB-460A-D3D2-7573-1C3E1C75798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283000" y="1295483"/>
            <a:ext cx="3412247" cy="3671153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2A637088-DB69-517C-9B20-A1E3EAF2E1A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906605" y="4299349"/>
            <a:ext cx="490537" cy="464719"/>
          </a:xfrm>
          <a:prstGeom prst="rect">
            <a:avLst/>
          </a:prstGeom>
        </p:spPr>
      </p:pic>
      <p:sp>
        <p:nvSpPr>
          <p:cNvPr id="5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AA212EBD-BABB-5B48-B098-42020E63E404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6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67A957B2-98BF-2342-57EA-F3059EC19368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7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A871AF94-5B8E-6A20-154C-00D0DCF726DC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230" end="42499.4375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501333" y="300777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096020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668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30C4F95-1E7C-B58C-B0B4-9F7E10B711B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6F319247-8129-B0BF-72D6-4E0B48EDE80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205023" y="1414181"/>
            <a:ext cx="3781953" cy="4029637"/>
          </a:xfrm>
          <a:prstGeom prst="rect">
            <a:avLst/>
          </a:prstGeom>
        </p:spPr>
      </p:pic>
      <p:pic>
        <p:nvPicPr>
          <p:cNvPr id="2" name="audio button">
            <a:extLst>
              <a:ext uri="{FF2B5EF4-FFF2-40B4-BE49-F238E27FC236}">
                <a16:creationId xmlns:a16="http://schemas.microsoft.com/office/drawing/2014/main" id="{F690AC41-9BC0-7A86-7257-A20EF8D88F56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537327" y="4655818"/>
            <a:ext cx="490537" cy="464719"/>
          </a:xfrm>
          <a:prstGeom prst="rect">
            <a:avLst/>
          </a:prstGeom>
        </p:spPr>
      </p:pic>
      <p:sp>
        <p:nvSpPr>
          <p:cNvPr id="5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B117A410-D8C9-0A36-7F50-61486B7A6B3E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7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61C5ED50-BE51-4B43-0E97-664F98E11679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6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53ED0A58-3E7D-4390-A53B-AFDD10EE909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6897" end="39517.4375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501333" y="300777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957285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983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CF3FABF-E879-43D5-B4D6-39C3299FA94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27F1D441-11CC-173A-C1E8-861A56FF011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147865" y="2257261"/>
            <a:ext cx="3896269" cy="2343477"/>
          </a:xfrm>
          <a:prstGeom prst="rect">
            <a:avLst/>
          </a:prstGeom>
        </p:spPr>
      </p:pic>
      <p:pic>
        <p:nvPicPr>
          <p:cNvPr id="11" name="audio button">
            <a:extLst>
              <a:ext uri="{FF2B5EF4-FFF2-40B4-BE49-F238E27FC236}">
                <a16:creationId xmlns:a16="http://schemas.microsoft.com/office/drawing/2014/main" id="{F4CD68AB-A95B-7970-DF0F-43C5AA2DB60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285493" y="3884528"/>
            <a:ext cx="490537" cy="464719"/>
          </a:xfrm>
          <a:prstGeom prst="rect">
            <a:avLst/>
          </a:prstGeom>
        </p:spPr>
      </p:pic>
      <p:sp>
        <p:nvSpPr>
          <p:cNvPr id="4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5B0BE5C0-F42F-03EF-2FB3-4F859ADC468D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5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9EA1BDC0-CF25-713F-D618-81CE97083770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8CFF722A-53B9-9902-2BBB-665931A8E68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9879" end="37080.4375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501333" y="300777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35678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43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B69801F0-FA07-2044-5D7D-8679F863958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095471" y="1904787"/>
            <a:ext cx="4001058" cy="3048425"/>
          </a:xfrm>
          <a:prstGeom prst="rect">
            <a:avLst/>
          </a:prstGeom>
        </p:spPr>
      </p:pic>
      <p:pic>
        <p:nvPicPr>
          <p:cNvPr id="14" name="audio button">
            <a:extLst>
              <a:ext uri="{FF2B5EF4-FFF2-40B4-BE49-F238E27FC236}">
                <a16:creationId xmlns:a16="http://schemas.microsoft.com/office/drawing/2014/main" id="{EC8CF546-E2BF-1858-99F5-BA69068C22A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094672" y="4379559"/>
            <a:ext cx="490537" cy="464719"/>
          </a:xfrm>
          <a:prstGeom prst="rect">
            <a:avLst/>
          </a:prstGeom>
        </p:spPr>
      </p:pic>
      <p:sp>
        <p:nvSpPr>
          <p:cNvPr id="4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7DCB77F6-4055-8BEE-0393-00196498EA1F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5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2ECA531E-0042-5431-B3F0-70603D514A0B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E59D574E-A4BA-D2A3-BD19-28924BFEEA9F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2316" end="34170.4375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607247" y="3352801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975903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91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CD75ADE6-B987-A119-B0EF-EF84C4A4746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352417" y="399627"/>
            <a:ext cx="5487166" cy="6058746"/>
          </a:xfrm>
          <a:prstGeom prst="rect">
            <a:avLst/>
          </a:prstGeom>
        </p:spPr>
      </p:pic>
      <p:pic>
        <p:nvPicPr>
          <p:cNvPr id="11" name="audio button">
            <a:extLst>
              <a:ext uri="{FF2B5EF4-FFF2-40B4-BE49-F238E27FC236}">
                <a16:creationId xmlns:a16="http://schemas.microsoft.com/office/drawing/2014/main" id="{2D966963-C0FA-52E9-EF30-509A146FF02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166536" y="5636058"/>
            <a:ext cx="490537" cy="464719"/>
          </a:xfrm>
          <a:prstGeom prst="rect">
            <a:avLst/>
          </a:prstGeom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EA232DE1-4211-489A-FE7D-BEF94C19DD84}"/>
              </a:ext>
            </a:extLst>
          </p:cNvPr>
          <p:cNvSpPr/>
          <p:nvPr/>
        </p:nvSpPr>
        <p:spPr>
          <a:xfrm>
            <a:off x="3349592" y="413886"/>
            <a:ext cx="3214837" cy="1058779"/>
          </a:xfrm>
          <a:prstGeom prst="rect">
            <a:avLst/>
          </a:prstGeom>
          <a:solidFill>
            <a:srgbClr val="C5DDA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73FA8C1D-40A5-04BD-9994-EC6267019669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6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A6F21A31-4342-6D91-DE95-EA49D34DD593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9C6A13EE-23F0-D15C-6BB2-0DF118C475E8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5226" end="31656.4375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607247" y="294640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383874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515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B3D64D0B-DF61-603A-82BD-852928226EF5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3001" t="37822" r="39512" b="41924"/>
          <a:stretch>
            <a:fillRect/>
          </a:stretch>
        </p:blipFill>
        <p:spPr>
          <a:xfrm>
            <a:off x="4064000" y="748765"/>
            <a:ext cx="4531360" cy="4710230"/>
          </a:xfrm>
          <a:prstGeom prst="rect">
            <a:avLst/>
          </a:prstGeom>
        </p:spPr>
      </p:pic>
      <p:pic>
        <p:nvPicPr>
          <p:cNvPr id="6" name="audio button">
            <a:extLst>
              <a:ext uri="{FF2B5EF4-FFF2-40B4-BE49-F238E27FC236}">
                <a16:creationId xmlns:a16="http://schemas.microsoft.com/office/drawing/2014/main" id="{77C7E0B4-EB3F-2CFD-760A-3418B2AA189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064000" y="3843754"/>
            <a:ext cx="490537" cy="464719"/>
          </a:xfrm>
          <a:prstGeom prst="rect">
            <a:avLst/>
          </a:prstGeom>
        </p:spPr>
      </p:pic>
      <p:sp>
        <p:nvSpPr>
          <p:cNvPr id="7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9567C7FC-07D7-79C4-17B1-DE20784D0AE1}"/>
              </a:ext>
            </a:extLst>
          </p:cNvPr>
          <p:cNvSpPr/>
          <p:nvPr/>
        </p:nvSpPr>
        <p:spPr>
          <a:xfrm>
            <a:off x="9093617" y="6497638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1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A78C85BB-A418-F83E-887C-67458BBFFF45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5" name="PLE3E 1B 4c_Key word">
            <a:hlinkClick r:id="" action="ppaction://media"/>
            <a:extLst>
              <a:ext uri="{FF2B5EF4-FFF2-40B4-BE49-F238E27FC236}">
                <a16:creationId xmlns:a16="http://schemas.microsoft.com/office/drawing/2014/main" id="{22111F9B-BFD8-A9C0-9889-4FCD73F3684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6285" end="31387.4285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654050" y="2008188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62270011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5539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2a_c1_p3_v"/>
  <p:tag name="ISPRING_LMS_API_VERSION" val="SCORM 2004 (4th edition)"/>
  <p:tag name="ISPRING_ULTRA_SCORM_COURSE_ID" val="ABC32EE7-212E-4A8B-A117-692D37C66F9B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PLE3E 1B Chapter 4 Key words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1B\\01_SB\\03_Tagged resources&quot;],[&quot;\uFFFD_\uFFFD\u000E{5F9A7829-1E97-428D-BE66-302A644CD4A7}&quot;,&quot;C:\\Users\\HK1-UCatherineLeung\\OneDrive - Pearson PLC\\Digital\\ePub\\4B\\01_SB\\03_Tagged resource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SCORM_RATE_QUIZZES" val="0"/>
  <p:tag name="ISPRING_PRESENTATION_TITLE" val="PLE3E 1B Chapter 4 Key words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B023CD6-C684-41B1-9E55-D1E788F297A7}:3999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B75EBD0-AB10-4584-A535-73AE2D0DB3D1}:4037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02C152B-1853-4A81-8F78-D9D2932CFF14}:4036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FD8BE0E-A376-4F05-8DD8-32889C82A400}:4035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4A6D739-777B-4A1F-9E3E-90087B498AB9}:405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258261-2CFC-42F5-90AF-464BADC27EDF}:4034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FC38AE4-B374-4488-988A-1A184520B96A}:400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CE5375C-C4BF-4FB6-906A-9236B240973C}:401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1A180E4-7A25-4B54-929A-6A4B49BDAA25}:4002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67F889A-0E80-46FF-A7F9-3E4B3C6B6ACE}:400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0FA2212-2076-4CAC-9C14-F41100C25BC8}:3963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1EFCEE6-9185-4C5B-9B95-0A8BA9A1ABCF}:4026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0D6A046-3235-485E-A32A-5D93C1DBE213}:405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334610E-B4B9-45F5-8126-C7F54735AD24}:4052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BD35A71-269F-4224-97EE-20971EFFF487}:4053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1D99374-4DFF-49B1-88A6-5D4CCD359111}:4054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F460DDE-E2A5-4D50-AFB5-DDD530633162}:4055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2D4E283-A0D6-45AC-AE17-431B7B5DEC69}:588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099FAF-D8E7-4FE2-8A88-CDD2D6D4D520}:405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73291E-8BFA-4C73-B02A-6FC55B446F03}:405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C2A569-D262-4333-891B-836BD6BB760C}:398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8EE660-EB96-40EA-85E8-55221615A700}:399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27DD37-0A04-4F3D-8197-FC726C13E761}:401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F942554-5829-42A2-99FB-BFD1C07723B1}:401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3DA48E-99BE-4829-A7CD-8E54253A612F}:399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46D5579-5321-4335-BC60-B6B7BAB650A1}:4018"/>
</p:tagLst>
</file>

<file path=ppt/theme/theme1.xml><?xml version="1.0" encoding="utf-8"?>
<a:theme xmlns:a="http://schemas.openxmlformats.org/drawingml/2006/main" name="2_Office 佈景主題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1_Office 佈景主題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ea194019-af41-4f5f-90aa-3f3df5d17659" xsi:nil="true"/>
    <lcf76f155ced4ddcb4097134ff3c332f xmlns="6a719dc3-2774-4bb3-bd51-e2fea1f33844">
      <Terms xmlns="http://schemas.microsoft.com/office/infopath/2007/PartnerControls"/>
    </lcf76f155ced4ddcb4097134ff3c332f>
    <MediaLengthInSeconds xmlns="6a719dc3-2774-4bb3-bd51-e2fea1f33844" xsi:nil="true"/>
  </documentManagement>
</p:properties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EAD65E3B-5C34-49DA-83E7-42AF2150F7F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E05A40BF-1F99-4214-9FBE-78F91C3FC5D7}">
  <ds:schemaRefs>
    <ds:schemaRef ds:uri="http://purl.org/dc/elements/1.1/"/>
    <ds:schemaRef ds:uri="http://schemas.microsoft.com/office/2006/documentManagement/types"/>
    <ds:schemaRef ds:uri="http://purl.org/dc/dcmitype/"/>
    <ds:schemaRef ds:uri="http://purl.org/dc/terms/"/>
    <ds:schemaRef ds:uri="http://schemas.openxmlformats.org/package/2006/metadata/core-properties"/>
    <ds:schemaRef ds:uri="ea194019-af41-4f5f-90aa-3f3df5d17659"/>
    <ds:schemaRef ds:uri="6a719dc3-2774-4bb3-bd51-e2fea1f33844"/>
    <ds:schemaRef ds:uri="http://www.w3.org/XML/1998/namespace"/>
    <ds:schemaRef ds:uri="http://schemas.microsoft.com/office/infopath/2007/PartnerControls"/>
    <ds:schemaRef ds:uri="http://schemas.microsoft.com/office/2006/metadata/properties"/>
  </ds:schemaRefs>
</ds:datastoreItem>
</file>

<file path=customXml/itemProps3.xml><?xml version="1.0" encoding="utf-8"?>
<ds:datastoreItem xmlns:ds="http://schemas.openxmlformats.org/officeDocument/2006/customXml" ds:itemID="{C934DAFE-AFC6-4A6F-9872-CF81947DF1B7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2004</TotalTime>
  <Words>507</Words>
  <Application>Microsoft Office PowerPoint</Application>
  <PresentationFormat>Widescreen</PresentationFormat>
  <Paragraphs>161</Paragraphs>
  <Slides>26</Slides>
  <Notes>26</Notes>
  <HiddenSlides>0</HiddenSlides>
  <MMClips>17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26</vt:i4>
      </vt:variant>
    </vt:vector>
  </HeadingPairs>
  <TitlesOfParts>
    <vt:vector size="35" baseType="lpstr">
      <vt:lpstr>Amasis MT Pro Black</vt:lpstr>
      <vt:lpstr>Aptos Black</vt:lpstr>
      <vt:lpstr>Arial</vt:lpstr>
      <vt:lpstr>Calibri</vt:lpstr>
      <vt:lpstr>Calibri Light</vt:lpstr>
      <vt:lpstr>Open Sans ExtraBold</vt:lpstr>
      <vt:lpstr>Verdana</vt:lpstr>
      <vt:lpstr>2_Office 佈景主題</vt:lpstr>
      <vt:lpstr>1_Office 佈景主題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Key words PPT</dc:title>
  <dc:creator>Emily Kong</dc:creator>
  <cp:lastModifiedBy>Catherine Leung</cp:lastModifiedBy>
  <cp:revision>24</cp:revision>
  <dcterms:created xsi:type="dcterms:W3CDTF">2022-10-23T17:04:49Z</dcterms:created>
  <dcterms:modified xsi:type="dcterms:W3CDTF">2025-08-31T06:02:3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  <property fmtid="{D5CDD505-2E9C-101B-9397-08002B2CF9AE}" pid="4" name="Order">
    <vt:r8>11121700</vt:r8>
  </property>
  <property fmtid="{D5CDD505-2E9C-101B-9397-08002B2CF9AE}" pid="5" name="xd_Signature">
    <vt:bool>false</vt:bool>
  </property>
  <property fmtid="{D5CDD505-2E9C-101B-9397-08002B2CF9AE}" pid="6" name="xd_ProgID">
    <vt:lpwstr/>
  </property>
  <property fmtid="{D5CDD505-2E9C-101B-9397-08002B2CF9AE}" pid="7" name="TriggerFlowInfo">
    <vt:lpwstr/>
  </property>
  <property fmtid="{D5CDD505-2E9C-101B-9397-08002B2CF9AE}" pid="8" name="ComplianceAssetId">
    <vt:lpwstr/>
  </property>
  <property fmtid="{D5CDD505-2E9C-101B-9397-08002B2CF9AE}" pid="9" name="TemplateUrl">
    <vt:lpwstr/>
  </property>
  <property fmtid="{D5CDD505-2E9C-101B-9397-08002B2CF9AE}" pid="10" name="_ExtendedDescription">
    <vt:lpwstr/>
  </property>
  <property fmtid="{D5CDD505-2E9C-101B-9397-08002B2CF9AE}" pid="11" name="_activity">
    <vt:lpwstr>{"FileActivityType":"9","FileActivityTimeStamp":"2025-08-07T06:40:39.447Z","FileActivityUsersOnPage":[{"DisplayName":"Vivian Tang","Id":"vivian.tang@pearson.com"}],"FileActivityNavigationId":null}</vt:lpwstr>
  </property>
</Properties>
</file>